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C:\Users\s005586\Downloads\"/>
    </mc:Choice>
  </mc:AlternateContent>
  <xr:revisionPtr revIDLastSave="0" documentId="13_ncr:1_{B593D730-D56D-422F-A190-0A62AE01CB82}" xr6:coauthVersionLast="47" xr6:coauthVersionMax="47" xr10:uidLastSave="{00000000-0000-0000-0000-000000000000}"/>
  <bookViews>
    <workbookView xWindow="-110" yWindow="-110" windowWidth="19420" windowHeight="10300" xr2:uid="{6550910D-A1EA-4545-BDE6-94A9BFD4D0B3}"/>
  </bookViews>
  <sheets>
    <sheet name="別紙50"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3" uniqueCount="74">
  <si>
    <t>（別紙50）</t>
    <rPh sb="1" eb="3">
      <t>ベッシ</t>
    </rPh>
    <phoneticPr fontId="4"/>
  </si>
  <si>
    <t>受付番号</t>
  </si>
  <si>
    <t>介護予防・日常生活支援総合事業費算定に係る体制等に関する届出書</t>
  </si>
  <si>
    <t>令和</t>
    <rPh sb="0" eb="1">
      <t>レイワ</t>
    </rPh>
    <phoneticPr fontId="4"/>
  </si>
  <si>
    <t>年</t>
    <rPh sb="0" eb="0">
      <t>ネン</t>
    </rPh>
    <phoneticPr fontId="4"/>
  </si>
  <si>
    <t>月</t>
    <rPh sb="0" eb="0">
      <t>ゲツ</t>
    </rPh>
    <phoneticPr fontId="4"/>
  </si>
  <si>
    <t>　　市町村長</t>
  </si>
  <si>
    <t>殿</t>
    <rPh sb="0" eb="0">
      <t>ドノ</t>
    </rPh>
    <phoneticPr fontId="4"/>
  </si>
  <si>
    <t>所在地</t>
  </si>
  <si>
    <t>名　称</t>
  </si>
  <si>
    <t>このことについて、関係書類を添えて以下のとおり届け出ます。</t>
  </si>
  <si>
    <t>事業所所在地市町村番号</t>
  </si>
  <si>
    <t>届　出　者</t>
    <rPh sb="0" eb="1">
      <t>トドケデ</t>
    </rPh>
    <rPh sb="2" eb="3">
      <t>デ</t>
    </rPh>
    <phoneticPr fontId="4"/>
  </si>
  <si>
    <t>フリガナ</t>
  </si>
  <si>
    <t>名　　称</t>
  </si>
  <si>
    <t>主たる事務所の所在地</t>
  </si>
  <si>
    <t>(郵便番号</t>
  </si>
  <si>
    <t>ー</t>
  </si>
  <si>
    <t>）</t>
  </si>
  <si>
    <t>　　　　　</t>
  </si>
  <si>
    <t>県</t>
    <rPh sb="0" eb="0">
      <t>ケン</t>
    </rPh>
    <phoneticPr fontId="4"/>
  </si>
  <si>
    <t>群市</t>
    <rPh sb="0" eb="1">
      <t>グンシ</t>
    </rPh>
    <rPh sb="1" eb="2">
      <t>シ</t>
    </rPh>
    <phoneticPr fontId="4"/>
  </si>
  <si>
    <t>　(ビルの名称等)</t>
  </si>
  <si>
    <t>連 絡 先</t>
  </si>
  <si>
    <t>電話番号</t>
  </si>
  <si>
    <t>FAX番号</t>
  </si>
  <si>
    <t>法人の種別</t>
  </si>
  <si>
    <t>法人所轄庁</t>
  </si>
  <si>
    <t>代表者の職・氏名</t>
  </si>
  <si>
    <t>職名</t>
  </si>
  <si>
    <t>氏名</t>
  </si>
  <si>
    <t>代表者の住所</t>
  </si>
  <si>
    <t>事業所・施設の状況</t>
  </si>
  <si>
    <t>主たる事業所・施設の　　　　　　　　　所在地</t>
  </si>
  <si>
    <t>主たる事業所の所在地以外の場所で一部実施する場合の出張所等の所在地</t>
  </si>
  <si>
    <t>管理者の氏名</t>
  </si>
  <si>
    <t>管理者の住所</t>
  </si>
  <si>
    <t>届出を行う事業所・施設の種類</t>
  </si>
  <si>
    <t>同一所在地において行う　　　　　　　　　　　　　　　事業等の種類</t>
  </si>
  <si>
    <t>実施事業</t>
  </si>
  <si>
    <t>指定（許可）</t>
    <rPh sb="0" eb="2">
      <t>シテイキ</t>
    </rPh>
    <rPh sb="3" eb="5">
      <t>キョカ</t>
    </rPh>
    <phoneticPr fontId="4"/>
  </si>
  <si>
    <t>異動等の区分</t>
  </si>
  <si>
    <t>異動（予定）</t>
  </si>
  <si>
    <t>異動項目</t>
  </si>
  <si>
    <t>年月日</t>
    <rPh sb="0" eb="2">
      <t>ネンガッピ</t>
    </rPh>
    <phoneticPr fontId="4"/>
  </si>
  <si>
    <t>(※変更の場合)</t>
    <rPh sb="2" eb="4">
      <t>ヘンコウバ</t>
    </rPh>
    <rPh sb="5" eb="7">
      <t>バアイ</t>
    </rPh>
    <phoneticPr fontId="4"/>
  </si>
  <si>
    <t>訪問型サービス（独自）</t>
  </si>
  <si>
    <t>□</t>
  </si>
  <si>
    <t>1新規</t>
  </si>
  <si>
    <t>2変更</t>
  </si>
  <si>
    <t>3終了</t>
  </si>
  <si>
    <t>訪問型サービス（独自・定率）</t>
    <rPh sb="11" eb="13">
      <t>テイリツ</t>
    </rPh>
    <phoneticPr fontId="4"/>
  </si>
  <si>
    <t>訪問型サービス（独自・定額）</t>
    <rPh sb="11" eb="13">
      <t>テイガク</t>
    </rPh>
    <phoneticPr fontId="4"/>
  </si>
  <si>
    <t>通所型サービス（独自）</t>
    <rPh sb="0" eb="2">
      <t>ツウショ</t>
    </rPh>
    <phoneticPr fontId="4"/>
  </si>
  <si>
    <t>通所型サービス（独自・定率）</t>
    <rPh sb="0" eb="2">
      <t>ツウショカ</t>
    </rPh>
    <rPh sb="2" eb="3">
      <t>カタテ</t>
    </rPh>
    <rPh sb="11" eb="13">
      <t>テイリツ</t>
    </rPh>
    <phoneticPr fontId="4"/>
  </si>
  <si>
    <t>通所型サービス（独自・定額）</t>
    <rPh sb="11" eb="13">
      <t>テイガク</t>
    </rPh>
    <phoneticPr fontId="4"/>
  </si>
  <si>
    <t>介護予防ケアマネジメント</t>
    <rPh sb="0" eb="4">
      <t>カイゴヨボウ</t>
    </rPh>
    <phoneticPr fontId="4"/>
  </si>
  <si>
    <t>介護保険事業所番号</t>
  </si>
  <si>
    <t>特記事項</t>
  </si>
  <si>
    <t>変　更　前</t>
  </si>
  <si>
    <t>変　更　後</t>
    <rPh sb="4" eb="5">
      <t>ゴ</t>
    </rPh>
    <phoneticPr fontId="4"/>
  </si>
  <si>
    <t>関係書類</t>
  </si>
  <si>
    <t>別添のとおり</t>
  </si>
  <si>
    <t>備考1　「受付番号」「事業所所在市町村番号」欄には記載しないでください。</t>
  </si>
  <si>
    <t>　　2　「法人の種別」欄は、申請者が法人である場合に、「社会福祉法人」「医療法人」「社団法人」「財団法人」</t>
  </si>
  <si>
    <t>　　　「株式会社」「有限会社」等の別を記入してください。</t>
  </si>
  <si>
    <t>　　3　「法人所轄庁」欄は、申請者が認可法人である場合に、その主務官庁の名称を記載してください。</t>
  </si>
  <si>
    <t>　　4　「実施事業」欄は、該当する欄に「〇」を記入してください。</t>
  </si>
  <si>
    <t>　　5　「異動等の区分」欄には、今回届出を行う事業所・施設について該当する数字の横の□</t>
    <rPh sb="40" eb="41">
      <t>ヨコ</t>
    </rPh>
    <phoneticPr fontId="4"/>
  </si>
  <si>
    <t>　　6　「異動項目」欄には、(別紙1-4)「介護予防・日常生活支援総合事業費算定に係る体制等状況一覧表」に掲げる項目</t>
  </si>
  <si>
    <t>　　　を記載してください。</t>
  </si>
  <si>
    <t>　　7　「特記事項」欄には、異動の状況について具体的に記載してください。</t>
  </si>
  <si>
    <t>　　8　「主たる事業所の所在地以外の場所で一部実施する場合の出張所等の所在地」について、複数の出張所等を有する場合は、</t>
  </si>
  <si>
    <t>　　　適宜欄を補正して、全ての出張所等の状況について記載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font>
      <sz val="11"/>
      <name val="ＭＳ Ｐゴシック"/>
      <family val="3"/>
    </font>
    <font>
      <sz val="11"/>
      <name val="ＭＳ Ｐゴシック"/>
      <family val="3"/>
    </font>
    <font>
      <sz val="11"/>
      <name val="HGSｺﾞｼｯｸM"/>
      <family val="3"/>
    </font>
    <font>
      <sz val="6"/>
      <name val="ＭＳ Ｐゴシック"/>
      <family val="3"/>
      <charset val="128"/>
    </font>
    <font>
      <sz val="6"/>
      <name val="ＭＳ Ｐゴシック"/>
      <family val="3"/>
    </font>
    <font>
      <sz val="10"/>
      <name val="HGSｺﾞｼｯｸM"/>
      <family val="3"/>
    </font>
  </fonts>
  <fills count="2">
    <fill>
      <patternFill patternType="none"/>
    </fill>
    <fill>
      <patternFill patternType="gray125"/>
    </fill>
  </fills>
  <borders count="3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137">
    <xf numFmtId="0" fontId="0" fillId="0" borderId="0" xfId="0"/>
    <xf numFmtId="0" fontId="2" fillId="0" borderId="0" xfId="0" applyFont="1" applyAlignment="1">
      <alignment vertical="center"/>
    </xf>
    <xf numFmtId="0" fontId="2" fillId="0" borderId="0" xfId="0" applyFont="1" applyAlignment="1">
      <alignment horizontal="left" vertical="center"/>
    </xf>
    <xf numFmtId="0" fontId="2" fillId="0" borderId="0" xfId="0" applyFont="1" applyAlignment="1">
      <alignment horizontal="center" vertical="center"/>
    </xf>
    <xf numFmtId="0" fontId="2" fillId="0" borderId="7" xfId="0" applyFont="1" applyBorder="1" applyAlignment="1">
      <alignment vertical="center" wrapText="1"/>
    </xf>
    <xf numFmtId="0" fontId="2" fillId="0" borderId="0" xfId="0" applyFont="1" applyAlignment="1">
      <alignment vertical="center" wrapText="1"/>
    </xf>
    <xf numFmtId="0" fontId="2" fillId="0" borderId="0" xfId="0" applyFont="1"/>
    <xf numFmtId="0" fontId="2" fillId="0" borderId="16" xfId="0" applyFont="1" applyBorder="1"/>
    <xf numFmtId="0" fontId="2" fillId="0" borderId="20" xfId="0" applyFont="1" applyBorder="1" applyAlignment="1">
      <alignment horizontal="center" vertical="center" textRotation="255" wrapText="1"/>
    </xf>
    <xf numFmtId="0" fontId="5" fillId="0" borderId="20" xfId="1" applyFont="1" applyBorder="1" applyAlignment="1">
      <alignment horizontal="center" vertical="center"/>
    </xf>
    <xf numFmtId="0" fontId="5" fillId="0" borderId="21" xfId="1" applyFont="1" applyBorder="1" applyAlignment="1">
      <alignment horizontal="center" vertical="center"/>
    </xf>
    <xf numFmtId="0" fontId="2" fillId="0" borderId="1" xfId="0" applyFont="1" applyBorder="1" applyAlignment="1">
      <alignment horizontal="center" vertical="center" textRotation="255" wrapText="1"/>
    </xf>
    <xf numFmtId="0" fontId="5" fillId="0" borderId="1" xfId="1" applyFont="1" applyBorder="1" applyAlignment="1">
      <alignment horizontal="center" vertical="center"/>
    </xf>
    <xf numFmtId="0" fontId="5" fillId="0" borderId="2" xfId="1" applyFont="1" applyBorder="1" applyAlignment="1">
      <alignment horizontal="center" vertical="center"/>
    </xf>
    <xf numFmtId="0" fontId="2" fillId="0" borderId="32" xfId="0" applyFont="1" applyBorder="1" applyAlignment="1">
      <alignment horizontal="left" wrapText="1"/>
    </xf>
    <xf numFmtId="0" fontId="2" fillId="0" borderId="33" xfId="0" applyFont="1" applyBorder="1" applyAlignment="1">
      <alignment horizontal="justify" wrapText="1"/>
    </xf>
    <xf numFmtId="0" fontId="2" fillId="0" borderId="33" xfId="0" applyFont="1" applyBorder="1"/>
    <xf numFmtId="0" fontId="2" fillId="0" borderId="34" xfId="0" applyFont="1" applyBorder="1"/>
    <xf numFmtId="0" fontId="2" fillId="0" borderId="0" xfId="0" applyFont="1" applyAlignment="1">
      <alignment horizontal="left"/>
    </xf>
    <xf numFmtId="0" fontId="5" fillId="0" borderId="1" xfId="1" applyFont="1" applyFill="1" applyBorder="1" applyAlignment="1">
      <alignment horizontal="center" vertical="center"/>
    </xf>
    <xf numFmtId="0" fontId="5" fillId="0" borderId="2" xfId="1" applyFont="1" applyFill="1" applyBorder="1" applyAlignment="1">
      <alignment horizontal="center" vertical="center"/>
    </xf>
    <xf numFmtId="0" fontId="2" fillId="0" borderId="0" xfId="0" applyFont="1" applyAlignment="1">
      <alignment horizontal="center" vertical="top"/>
    </xf>
    <xf numFmtId="0" fontId="2" fillId="0" borderId="0" xfId="0" applyFont="1" applyAlignment="1">
      <alignment horizontal="center" vertical="center"/>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justify" vertical="center" wrapText="1"/>
    </xf>
    <xf numFmtId="0" fontId="2" fillId="0" borderId="4" xfId="0" applyFont="1" applyBorder="1" applyAlignment="1">
      <alignment horizontal="center" vertical="center"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textRotation="255" wrapText="1"/>
    </xf>
    <xf numFmtId="0" fontId="2" fillId="0" borderId="11" xfId="0" applyFont="1" applyBorder="1" applyAlignment="1">
      <alignment horizontal="center" vertical="center" textRotation="255" wrapText="1"/>
    </xf>
    <xf numFmtId="0" fontId="2" fillId="0" borderId="27" xfId="0" applyFont="1" applyBorder="1" applyAlignment="1">
      <alignment horizontal="center" vertical="center" textRotation="255" wrapText="1"/>
    </xf>
    <xf numFmtId="0" fontId="2" fillId="0" borderId="4" xfId="0" applyFont="1" applyBorder="1" applyAlignment="1">
      <alignment horizontal="left" vertical="center" wrapText="1"/>
    </xf>
    <xf numFmtId="0" fontId="2" fillId="0" borderId="7" xfId="0" applyFont="1" applyBorder="1" applyAlignment="1">
      <alignment horizontal="left" vertical="center" wrapText="1"/>
    </xf>
    <xf numFmtId="0" fontId="0" fillId="0" borderId="7" xfId="0" applyBorder="1" applyAlignment="1">
      <alignment horizontal="left" vertical="center" wrapText="1"/>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2" xfId="0" applyFont="1" applyBorder="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5" xfId="0" applyFont="1" applyBorder="1" applyAlignment="1">
      <alignment horizontal="left" vertical="center" wrapText="1"/>
    </xf>
    <xf numFmtId="0" fontId="2" fillId="0" borderId="16" xfId="0" applyFont="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0" fontId="2" fillId="0" borderId="22" xfId="0" applyFont="1" applyBorder="1" applyAlignment="1">
      <alignment horizontal="left" vertical="center" wrapText="1"/>
    </xf>
    <xf numFmtId="0" fontId="2" fillId="0" borderId="7" xfId="0" applyFont="1" applyBorder="1" applyAlignment="1">
      <alignment horizontal="center" vertical="center" wrapText="1"/>
    </xf>
    <xf numFmtId="0" fontId="2" fillId="0" borderId="23" xfId="0" applyFont="1" applyBorder="1" applyAlignment="1">
      <alignment horizontal="justify" vertical="center" wrapText="1"/>
    </xf>
    <xf numFmtId="0" fontId="2" fillId="0" borderId="24" xfId="0" applyFont="1" applyBorder="1" applyAlignment="1">
      <alignment horizontal="justify" vertical="center" wrapText="1"/>
    </xf>
    <xf numFmtId="0" fontId="2" fillId="0" borderId="25" xfId="0" applyFont="1" applyBorder="1" applyAlignment="1">
      <alignment horizontal="justify" vertical="center" wrapText="1"/>
    </xf>
    <xf numFmtId="0" fontId="2"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3" xfId="0" applyFont="1" applyBorder="1" applyAlignment="1">
      <alignment horizontal="left" vertical="center" wrapText="1"/>
    </xf>
    <xf numFmtId="0" fontId="2" fillId="0" borderId="17"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19" xfId="0" applyFont="1" applyBorder="1" applyAlignment="1">
      <alignment horizontal="center" vertical="center" wrapText="1"/>
    </xf>
    <xf numFmtId="0" fontId="2" fillId="0" borderId="26" xfId="0" applyFont="1" applyBorder="1" applyAlignment="1">
      <alignment horizontal="left" wrapText="1"/>
    </xf>
    <xf numFmtId="0" fontId="2" fillId="0" borderId="1" xfId="0" applyFont="1" applyBorder="1" applyAlignment="1">
      <alignment horizontal="center" wrapText="1"/>
    </xf>
    <xf numFmtId="0" fontId="2" fillId="0" borderId="2" xfId="0" applyFont="1" applyBorder="1" applyAlignment="1">
      <alignment horizontal="center" wrapText="1"/>
    </xf>
    <xf numFmtId="0" fontId="2" fillId="0" borderId="3" xfId="0" applyFont="1" applyBorder="1" applyAlignment="1">
      <alignment horizontal="center" wrapText="1"/>
    </xf>
    <xf numFmtId="0" fontId="0" fillId="0" borderId="26" xfId="0" applyBorder="1" applyAlignment="1">
      <alignment horizontal="left" wrapText="1"/>
    </xf>
    <xf numFmtId="0" fontId="0" fillId="0" borderId="1" xfId="0" applyBorder="1" applyAlignment="1">
      <alignment horizontal="left" wrapText="1"/>
    </xf>
    <xf numFmtId="0" fontId="2" fillId="0" borderId="1" xfId="0" applyFont="1" applyBorder="1" applyAlignment="1">
      <alignment horizontal="center"/>
    </xf>
    <xf numFmtId="0" fontId="2" fillId="0" borderId="2" xfId="0" applyFont="1" applyBorder="1" applyAlignment="1">
      <alignment horizontal="center"/>
    </xf>
    <xf numFmtId="0" fontId="2" fillId="0" borderId="3" xfId="0" applyFont="1" applyBorder="1" applyAlignment="1">
      <alignment horizontal="center"/>
    </xf>
    <xf numFmtId="0" fontId="2" fillId="0" borderId="26" xfId="0" applyFont="1" applyBorder="1" applyAlignment="1">
      <alignment horizontal="left" vertical="center" wrapText="1"/>
    </xf>
    <xf numFmtId="0" fontId="0" fillId="0" borderId="26" xfId="0" applyBorder="1" applyAlignment="1">
      <alignment horizontal="left" vertical="center" wrapText="1"/>
    </xf>
    <xf numFmtId="0" fontId="2" fillId="0" borderId="6" xfId="0" applyFont="1" applyBorder="1" applyAlignment="1">
      <alignment horizontal="left" vertical="center" wrapText="1"/>
    </xf>
    <xf numFmtId="0" fontId="0" fillId="0" borderId="6" xfId="0" applyBorder="1" applyAlignment="1">
      <alignment horizontal="left" vertical="center" wrapText="1"/>
    </xf>
    <xf numFmtId="0" fontId="2" fillId="0" borderId="6" xfId="0" applyFont="1" applyBorder="1" applyAlignment="1">
      <alignment horizontal="center" vertical="center" textRotation="255" shrinkToFit="1"/>
    </xf>
    <xf numFmtId="0" fontId="2" fillId="0" borderId="11" xfId="0" applyFont="1" applyBorder="1" applyAlignment="1">
      <alignment horizontal="center" vertical="center" textRotation="255" shrinkToFit="1"/>
    </xf>
    <xf numFmtId="0" fontId="2" fillId="0" borderId="27" xfId="0" applyFont="1" applyBorder="1" applyAlignment="1">
      <alignment horizontal="center" vertical="center" textRotation="255" shrinkToFit="1"/>
    </xf>
    <xf numFmtId="0" fontId="5" fillId="0" borderId="26" xfId="0" applyFont="1" applyBorder="1" applyAlignment="1">
      <alignment horizontal="left" vertical="center" wrapText="1"/>
    </xf>
    <xf numFmtId="0" fontId="2" fillId="0" borderId="4" xfId="0" applyFont="1" applyBorder="1" applyAlignment="1">
      <alignment horizontal="left" wrapText="1"/>
    </xf>
    <xf numFmtId="0" fontId="2" fillId="0" borderId="5" xfId="0" applyFont="1" applyBorder="1" applyAlignment="1">
      <alignment horizontal="left" wrapText="1"/>
    </xf>
    <xf numFmtId="0" fontId="2" fillId="0" borderId="21" xfId="0" applyFont="1" applyBorder="1" applyAlignment="1">
      <alignment horizontal="left" wrapText="1"/>
    </xf>
    <xf numFmtId="0" fontId="2" fillId="0" borderId="22" xfId="0" applyFont="1" applyBorder="1" applyAlignment="1">
      <alignment horizontal="left" wrapText="1"/>
    </xf>
    <xf numFmtId="0" fontId="2" fillId="0" borderId="20" xfId="0" applyFont="1" applyBorder="1" applyAlignment="1">
      <alignment horizontal="left" vertical="top" wrapText="1"/>
    </xf>
    <xf numFmtId="0" fontId="2" fillId="0" borderId="21" xfId="0" applyFont="1" applyBorder="1" applyAlignment="1">
      <alignment horizontal="left" vertical="top" wrapText="1"/>
    </xf>
    <xf numFmtId="0" fontId="2" fillId="0" borderId="22" xfId="0" applyFont="1" applyBorder="1" applyAlignment="1">
      <alignment horizontal="left" vertical="top" wrapText="1"/>
    </xf>
    <xf numFmtId="0" fontId="2" fillId="0" borderId="20" xfId="0" applyFont="1" applyBorder="1" applyAlignment="1">
      <alignment horizontal="left" wrapText="1"/>
    </xf>
    <xf numFmtId="0" fontId="2" fillId="0" borderId="0" xfId="0" applyFont="1" applyAlignment="1">
      <alignment horizontal="left" wrapText="1"/>
    </xf>
    <xf numFmtId="0" fontId="2" fillId="0" borderId="12" xfId="0" applyFont="1" applyBorder="1" applyAlignment="1">
      <alignment horizontal="left" wrapText="1"/>
    </xf>
    <xf numFmtId="0" fontId="2" fillId="0" borderId="16" xfId="0" applyFont="1" applyBorder="1" applyAlignment="1">
      <alignment horizontal="left" wrapText="1"/>
    </xf>
    <xf numFmtId="0" fontId="2" fillId="0" borderId="28" xfId="0" applyFont="1" applyBorder="1" applyAlignment="1">
      <alignment horizontal="left" wrapText="1"/>
    </xf>
    <xf numFmtId="0" fontId="2" fillId="0" borderId="29"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29" xfId="0" applyFont="1" applyBorder="1" applyAlignment="1">
      <alignment horizontal="center" wrapText="1"/>
    </xf>
    <xf numFmtId="0" fontId="2" fillId="0" borderId="21" xfId="0" applyFont="1" applyBorder="1" applyAlignment="1">
      <alignment horizontal="center" wrapText="1"/>
    </xf>
    <xf numFmtId="0" fontId="2" fillId="0" borderId="22" xfId="0" applyFont="1" applyBorder="1" applyAlignment="1">
      <alignment horizontal="center" wrapText="1"/>
    </xf>
    <xf numFmtId="0" fontId="5" fillId="0" borderId="21" xfId="0" applyFont="1" applyBorder="1" applyAlignment="1">
      <alignment horizontal="left" vertical="center" wrapText="1"/>
    </xf>
    <xf numFmtId="0" fontId="2" fillId="0" borderId="7" xfId="0" applyFont="1" applyBorder="1" applyAlignment="1">
      <alignment horizontal="left" wrapText="1"/>
    </xf>
    <xf numFmtId="0" fontId="2" fillId="0" borderId="4" xfId="0" applyFont="1" applyBorder="1" applyAlignment="1">
      <alignment horizontal="center" wrapText="1"/>
    </xf>
    <xf numFmtId="0" fontId="2" fillId="0" borderId="5" xfId="0" applyFont="1" applyBorder="1" applyAlignment="1">
      <alignment horizontal="center" wrapText="1"/>
    </xf>
    <xf numFmtId="0" fontId="2" fillId="0" borderId="20" xfId="0" applyFont="1" applyBorder="1" applyAlignment="1">
      <alignment horizontal="center" wrapText="1"/>
    </xf>
    <xf numFmtId="0" fontId="2" fillId="0" borderId="4" xfId="0" applyFont="1" applyBorder="1" applyAlignment="1">
      <alignment horizontal="left" vertical="top" wrapText="1"/>
    </xf>
    <xf numFmtId="0" fontId="2" fillId="0" borderId="7" xfId="0" applyFont="1" applyBorder="1" applyAlignment="1">
      <alignment horizontal="left" vertical="top" wrapText="1"/>
    </xf>
    <xf numFmtId="0" fontId="2" fillId="0" borderId="5" xfId="0" applyFont="1" applyBorder="1" applyAlignment="1">
      <alignment horizontal="left" vertical="top" wrapText="1"/>
    </xf>
    <xf numFmtId="0" fontId="5" fillId="0" borderId="22" xfId="0" applyFont="1" applyBorder="1" applyAlignment="1">
      <alignment horizontal="left" vertical="center" wrapText="1"/>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 xfId="0" applyFont="1" applyBorder="1" applyAlignment="1">
      <alignment horizontal="left" wrapText="1"/>
    </xf>
    <xf numFmtId="0" fontId="0" fillId="0" borderId="2" xfId="0" applyBorder="1" applyAlignment="1">
      <alignment horizontal="left" wrapText="1"/>
    </xf>
    <xf numFmtId="0" fontId="0" fillId="0" borderId="30" xfId="0" applyBorder="1" applyAlignment="1">
      <alignment horizontal="left" wrapText="1"/>
    </xf>
    <xf numFmtId="0" fontId="2" fillId="0" borderId="31"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1" xfId="0" applyFont="1" applyBorder="1" applyAlignment="1">
      <alignment horizontal="center" wrapText="1"/>
    </xf>
    <xf numFmtId="0" fontId="5" fillId="0" borderId="2" xfId="0" applyFont="1" applyBorder="1" applyAlignment="1">
      <alignment horizontal="left" vertical="center" wrapText="1"/>
    </xf>
    <xf numFmtId="0" fontId="5" fillId="0" borderId="3" xfId="0" applyFont="1" applyBorder="1" applyAlignment="1">
      <alignment horizontal="left" vertical="center" wrapText="1"/>
    </xf>
    <xf numFmtId="0" fontId="2" fillId="0" borderId="1" xfId="0" applyFont="1" applyBorder="1" applyAlignment="1">
      <alignment horizontal="left" wrapText="1"/>
    </xf>
    <xf numFmtId="0" fontId="2" fillId="0" borderId="3" xfId="0" applyFont="1" applyBorder="1" applyAlignment="1">
      <alignment horizontal="left" wrapText="1"/>
    </xf>
    <xf numFmtId="0" fontId="2" fillId="0" borderId="26" xfId="0" applyFont="1" applyBorder="1" applyAlignment="1">
      <alignment horizontal="center"/>
    </xf>
    <xf numFmtId="0" fontId="2" fillId="0" borderId="12" xfId="0" applyFont="1" applyBorder="1" applyAlignment="1">
      <alignment horizontal="left" vertical="top" wrapText="1"/>
    </xf>
    <xf numFmtId="0" fontId="2" fillId="0" borderId="0" xfId="0" applyFont="1" applyAlignment="1">
      <alignment horizontal="left" vertical="top" wrapText="1"/>
    </xf>
    <xf numFmtId="0" fontId="2" fillId="0" borderId="16" xfId="0" applyFont="1" applyBorder="1" applyAlignment="1">
      <alignment horizontal="left" vertical="top" wrapText="1"/>
    </xf>
    <xf numFmtId="0" fontId="2" fillId="0" borderId="2" xfId="0" applyFont="1" applyFill="1" applyBorder="1" applyAlignment="1">
      <alignment horizontal="left" wrapText="1"/>
    </xf>
    <xf numFmtId="0" fontId="0" fillId="0" borderId="2" xfId="0" applyFill="1" applyBorder="1" applyAlignment="1">
      <alignment horizontal="left" wrapText="1"/>
    </xf>
    <xf numFmtId="0" fontId="0" fillId="0" borderId="30" xfId="0" applyFill="1" applyBorder="1" applyAlignment="1">
      <alignment horizontal="left" wrapText="1"/>
    </xf>
    <xf numFmtId="0" fontId="2" fillId="0" borderId="31"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2" fillId="0" borderId="31" xfId="0" applyFont="1" applyFill="1" applyBorder="1" applyAlignment="1">
      <alignment horizontal="center" wrapText="1"/>
    </xf>
    <xf numFmtId="0" fontId="2" fillId="0" borderId="2" xfId="0" applyFont="1" applyFill="1" applyBorder="1" applyAlignment="1">
      <alignment horizontal="center" wrapText="1"/>
    </xf>
    <xf numFmtId="0" fontId="2" fillId="0" borderId="3" xfId="0" applyFont="1" applyFill="1" applyBorder="1" applyAlignment="1">
      <alignment horizontal="center" wrapText="1"/>
    </xf>
    <xf numFmtId="0" fontId="5" fillId="0" borderId="2" xfId="0" applyFont="1" applyFill="1" applyBorder="1" applyAlignment="1">
      <alignment horizontal="left" vertical="center" wrapText="1"/>
    </xf>
    <xf numFmtId="0" fontId="5" fillId="0" borderId="3" xfId="0" applyFont="1" applyFill="1" applyBorder="1" applyAlignment="1">
      <alignment horizontal="left" vertical="center" wrapText="1"/>
    </xf>
    <xf numFmtId="0" fontId="5" fillId="0" borderId="6" xfId="0" applyFont="1" applyBorder="1" applyAlignment="1">
      <alignment horizontal="center" vertical="center" textRotation="255" wrapText="1" shrinkToFit="1"/>
    </xf>
    <xf numFmtId="0" fontId="5" fillId="0" borderId="27" xfId="0" applyFont="1" applyBorder="1" applyAlignment="1">
      <alignment horizontal="center" vertical="center" textRotation="255" wrapText="1" shrinkToFit="1"/>
    </xf>
    <xf numFmtId="0" fontId="5" fillId="0" borderId="11" xfId="0" applyFont="1" applyBorder="1" applyAlignment="1">
      <alignment horizontal="center" vertical="center" textRotation="255" wrapText="1" shrinkToFit="1"/>
    </xf>
    <xf numFmtId="0" fontId="2" fillId="0" borderId="0" xfId="0" applyFont="1" applyFill="1" applyAlignment="1">
      <alignment horizontal="center" vertical="center"/>
    </xf>
    <xf numFmtId="0" fontId="2" fillId="0" borderId="0" xfId="0" applyFont="1" applyFill="1" applyAlignment="1">
      <alignment vertical="center"/>
    </xf>
    <xf numFmtId="0" fontId="2" fillId="0" borderId="0" xfId="0" applyFont="1" applyFill="1" applyAlignment="1">
      <alignment horizontal="right" vertical="center"/>
    </xf>
  </cellXfs>
  <cellStyles count="2">
    <cellStyle name="標準" xfId="0" builtinId="0"/>
    <cellStyle name="標準 2" xfId="1" xr:uid="{3D2A1DC0-E958-4A41-B205-59CA88900EF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3F5ACA-4BCB-4D25-937E-D3EACFCFF452}">
  <sheetPr>
    <pageSetUpPr fitToPage="1"/>
  </sheetPr>
  <dimension ref="A1:AK64"/>
  <sheetViews>
    <sheetView tabSelected="1" view="pageBreakPreview" zoomScale="70" zoomScaleNormal="85" zoomScaleSheetLayoutView="70" workbookViewId="0">
      <selection activeCell="AO14" sqref="AO14"/>
    </sheetView>
  </sheetViews>
  <sheetFormatPr defaultColWidth="9" defaultRowHeight="14.5"/>
  <cols>
    <col min="1" max="1" width="1.453125" style="6" customWidth="1"/>
    <col min="2" max="3" width="4.26953125" style="6" customWidth="1"/>
    <col min="4" max="4" width="0.6328125" style="6" customWidth="1"/>
    <col min="5" max="36" width="3.08984375" style="6" customWidth="1"/>
    <col min="37" max="37" width="11.26953125" style="6" customWidth="1"/>
    <col min="38" max="252" width="9" style="6"/>
    <col min="253" max="253" width="1.453125" style="6" customWidth="1"/>
    <col min="254" max="255" width="4.26953125" style="6" customWidth="1"/>
    <col min="256" max="256" width="0.6328125" style="6" customWidth="1"/>
    <col min="257" max="288" width="3.08984375" style="6" customWidth="1"/>
    <col min="289" max="289" width="11.26953125" style="6" customWidth="1"/>
    <col min="290" max="508" width="9" style="6"/>
    <col min="509" max="509" width="1.453125" style="6" customWidth="1"/>
    <col min="510" max="511" width="4.26953125" style="6" customWidth="1"/>
    <col min="512" max="512" width="0.6328125" style="6" customWidth="1"/>
    <col min="513" max="544" width="3.08984375" style="6" customWidth="1"/>
    <col min="545" max="545" width="11.26953125" style="6" customWidth="1"/>
    <col min="546" max="764" width="9" style="6"/>
    <col min="765" max="765" width="1.453125" style="6" customWidth="1"/>
    <col min="766" max="767" width="4.26953125" style="6" customWidth="1"/>
    <col min="768" max="768" width="0.6328125" style="6" customWidth="1"/>
    <col min="769" max="800" width="3.08984375" style="6" customWidth="1"/>
    <col min="801" max="801" width="11.26953125" style="6" customWidth="1"/>
    <col min="802" max="1020" width="9" style="6"/>
    <col min="1021" max="1021" width="1.453125" style="6" customWidth="1"/>
    <col min="1022" max="1023" width="4.26953125" style="6" customWidth="1"/>
    <col min="1024" max="1024" width="0.6328125" style="6" customWidth="1"/>
    <col min="1025" max="1056" width="3.08984375" style="6" customWidth="1"/>
    <col min="1057" max="1057" width="11.26953125" style="6" customWidth="1"/>
    <col min="1058" max="1276" width="9" style="6"/>
    <col min="1277" max="1277" width="1.453125" style="6" customWidth="1"/>
    <col min="1278" max="1279" width="4.26953125" style="6" customWidth="1"/>
    <col min="1280" max="1280" width="0.6328125" style="6" customWidth="1"/>
    <col min="1281" max="1312" width="3.08984375" style="6" customWidth="1"/>
    <col min="1313" max="1313" width="11.26953125" style="6" customWidth="1"/>
    <col min="1314" max="1532" width="9" style="6"/>
    <col min="1533" max="1533" width="1.453125" style="6" customWidth="1"/>
    <col min="1534" max="1535" width="4.26953125" style="6" customWidth="1"/>
    <col min="1536" max="1536" width="0.6328125" style="6" customWidth="1"/>
    <col min="1537" max="1568" width="3.08984375" style="6" customWidth="1"/>
    <col min="1569" max="1569" width="11.26953125" style="6" customWidth="1"/>
    <col min="1570" max="1788" width="9" style="6"/>
    <col min="1789" max="1789" width="1.453125" style="6" customWidth="1"/>
    <col min="1790" max="1791" width="4.26953125" style="6" customWidth="1"/>
    <col min="1792" max="1792" width="0.6328125" style="6" customWidth="1"/>
    <col min="1793" max="1824" width="3.08984375" style="6" customWidth="1"/>
    <col min="1825" max="1825" width="11.26953125" style="6" customWidth="1"/>
    <col min="1826" max="2044" width="9" style="6"/>
    <col min="2045" max="2045" width="1.453125" style="6" customWidth="1"/>
    <col min="2046" max="2047" width="4.26953125" style="6" customWidth="1"/>
    <col min="2048" max="2048" width="0.6328125" style="6" customWidth="1"/>
    <col min="2049" max="2080" width="3.08984375" style="6" customWidth="1"/>
    <col min="2081" max="2081" width="11.26953125" style="6" customWidth="1"/>
    <col min="2082" max="2300" width="9" style="6"/>
    <col min="2301" max="2301" width="1.453125" style="6" customWidth="1"/>
    <col min="2302" max="2303" width="4.26953125" style="6" customWidth="1"/>
    <col min="2304" max="2304" width="0.6328125" style="6" customWidth="1"/>
    <col min="2305" max="2336" width="3.08984375" style="6" customWidth="1"/>
    <col min="2337" max="2337" width="11.26953125" style="6" customWidth="1"/>
    <col min="2338" max="2556" width="9" style="6"/>
    <col min="2557" max="2557" width="1.453125" style="6" customWidth="1"/>
    <col min="2558" max="2559" width="4.26953125" style="6" customWidth="1"/>
    <col min="2560" max="2560" width="0.6328125" style="6" customWidth="1"/>
    <col min="2561" max="2592" width="3.08984375" style="6" customWidth="1"/>
    <col min="2593" max="2593" width="11.26953125" style="6" customWidth="1"/>
    <col min="2594" max="2812" width="9" style="6"/>
    <col min="2813" max="2813" width="1.453125" style="6" customWidth="1"/>
    <col min="2814" max="2815" width="4.26953125" style="6" customWidth="1"/>
    <col min="2816" max="2816" width="0.6328125" style="6" customWidth="1"/>
    <col min="2817" max="2848" width="3.08984375" style="6" customWidth="1"/>
    <col min="2849" max="2849" width="11.26953125" style="6" customWidth="1"/>
    <col min="2850" max="3068" width="9" style="6"/>
    <col min="3069" max="3069" width="1.453125" style="6" customWidth="1"/>
    <col min="3070" max="3071" width="4.26953125" style="6" customWidth="1"/>
    <col min="3072" max="3072" width="0.6328125" style="6" customWidth="1"/>
    <col min="3073" max="3104" width="3.08984375" style="6" customWidth="1"/>
    <col min="3105" max="3105" width="11.26953125" style="6" customWidth="1"/>
    <col min="3106" max="3324" width="9" style="6"/>
    <col min="3325" max="3325" width="1.453125" style="6" customWidth="1"/>
    <col min="3326" max="3327" width="4.26953125" style="6" customWidth="1"/>
    <col min="3328" max="3328" width="0.6328125" style="6" customWidth="1"/>
    <col min="3329" max="3360" width="3.08984375" style="6" customWidth="1"/>
    <col min="3361" max="3361" width="11.26953125" style="6" customWidth="1"/>
    <col min="3362" max="3580" width="9" style="6"/>
    <col min="3581" max="3581" width="1.453125" style="6" customWidth="1"/>
    <col min="3582" max="3583" width="4.26953125" style="6" customWidth="1"/>
    <col min="3584" max="3584" width="0.6328125" style="6" customWidth="1"/>
    <col min="3585" max="3616" width="3.08984375" style="6" customWidth="1"/>
    <col min="3617" max="3617" width="11.26953125" style="6" customWidth="1"/>
    <col min="3618" max="3836" width="9" style="6"/>
    <col min="3837" max="3837" width="1.453125" style="6" customWidth="1"/>
    <col min="3838" max="3839" width="4.26953125" style="6" customWidth="1"/>
    <col min="3840" max="3840" width="0.6328125" style="6" customWidth="1"/>
    <col min="3841" max="3872" width="3.08984375" style="6" customWidth="1"/>
    <col min="3873" max="3873" width="11.26953125" style="6" customWidth="1"/>
    <col min="3874" max="4092" width="9" style="6"/>
    <col min="4093" max="4093" width="1.453125" style="6" customWidth="1"/>
    <col min="4094" max="4095" width="4.26953125" style="6" customWidth="1"/>
    <col min="4096" max="4096" width="0.6328125" style="6" customWidth="1"/>
    <col min="4097" max="4128" width="3.08984375" style="6" customWidth="1"/>
    <col min="4129" max="4129" width="11.26953125" style="6" customWidth="1"/>
    <col min="4130" max="4348" width="9" style="6"/>
    <col min="4349" max="4349" width="1.453125" style="6" customWidth="1"/>
    <col min="4350" max="4351" width="4.26953125" style="6" customWidth="1"/>
    <col min="4352" max="4352" width="0.6328125" style="6" customWidth="1"/>
    <col min="4353" max="4384" width="3.08984375" style="6" customWidth="1"/>
    <col min="4385" max="4385" width="11.26953125" style="6" customWidth="1"/>
    <col min="4386" max="4604" width="9" style="6"/>
    <col min="4605" max="4605" width="1.453125" style="6" customWidth="1"/>
    <col min="4606" max="4607" width="4.26953125" style="6" customWidth="1"/>
    <col min="4608" max="4608" width="0.6328125" style="6" customWidth="1"/>
    <col min="4609" max="4640" width="3.08984375" style="6" customWidth="1"/>
    <col min="4641" max="4641" width="11.26953125" style="6" customWidth="1"/>
    <col min="4642" max="4860" width="9" style="6"/>
    <col min="4861" max="4861" width="1.453125" style="6" customWidth="1"/>
    <col min="4862" max="4863" width="4.26953125" style="6" customWidth="1"/>
    <col min="4864" max="4864" width="0.6328125" style="6" customWidth="1"/>
    <col min="4865" max="4896" width="3.08984375" style="6" customWidth="1"/>
    <col min="4897" max="4897" width="11.26953125" style="6" customWidth="1"/>
    <col min="4898" max="5116" width="9" style="6"/>
    <col min="5117" max="5117" width="1.453125" style="6" customWidth="1"/>
    <col min="5118" max="5119" width="4.26953125" style="6" customWidth="1"/>
    <col min="5120" max="5120" width="0.6328125" style="6" customWidth="1"/>
    <col min="5121" max="5152" width="3.08984375" style="6" customWidth="1"/>
    <col min="5153" max="5153" width="11.26953125" style="6" customWidth="1"/>
    <col min="5154" max="5372" width="9" style="6"/>
    <col min="5373" max="5373" width="1.453125" style="6" customWidth="1"/>
    <col min="5374" max="5375" width="4.26953125" style="6" customWidth="1"/>
    <col min="5376" max="5376" width="0.6328125" style="6" customWidth="1"/>
    <col min="5377" max="5408" width="3.08984375" style="6" customWidth="1"/>
    <col min="5409" max="5409" width="11.26953125" style="6" customWidth="1"/>
    <col min="5410" max="5628" width="9" style="6"/>
    <col min="5629" max="5629" width="1.453125" style="6" customWidth="1"/>
    <col min="5630" max="5631" width="4.26953125" style="6" customWidth="1"/>
    <col min="5632" max="5632" width="0.6328125" style="6" customWidth="1"/>
    <col min="5633" max="5664" width="3.08984375" style="6" customWidth="1"/>
    <col min="5665" max="5665" width="11.26953125" style="6" customWidth="1"/>
    <col min="5666" max="5884" width="9" style="6"/>
    <col min="5885" max="5885" width="1.453125" style="6" customWidth="1"/>
    <col min="5886" max="5887" width="4.26953125" style="6" customWidth="1"/>
    <col min="5888" max="5888" width="0.6328125" style="6" customWidth="1"/>
    <col min="5889" max="5920" width="3.08984375" style="6" customWidth="1"/>
    <col min="5921" max="5921" width="11.26953125" style="6" customWidth="1"/>
    <col min="5922" max="6140" width="9" style="6"/>
    <col min="6141" max="6141" width="1.453125" style="6" customWidth="1"/>
    <col min="6142" max="6143" width="4.26953125" style="6" customWidth="1"/>
    <col min="6144" max="6144" width="0.6328125" style="6" customWidth="1"/>
    <col min="6145" max="6176" width="3.08984375" style="6" customWidth="1"/>
    <col min="6177" max="6177" width="11.26953125" style="6" customWidth="1"/>
    <col min="6178" max="6396" width="9" style="6"/>
    <col min="6397" max="6397" width="1.453125" style="6" customWidth="1"/>
    <col min="6398" max="6399" width="4.26953125" style="6" customWidth="1"/>
    <col min="6400" max="6400" width="0.6328125" style="6" customWidth="1"/>
    <col min="6401" max="6432" width="3.08984375" style="6" customWidth="1"/>
    <col min="6433" max="6433" width="11.26953125" style="6" customWidth="1"/>
    <col min="6434" max="6652" width="9" style="6"/>
    <col min="6653" max="6653" width="1.453125" style="6" customWidth="1"/>
    <col min="6654" max="6655" width="4.26953125" style="6" customWidth="1"/>
    <col min="6656" max="6656" width="0.6328125" style="6" customWidth="1"/>
    <col min="6657" max="6688" width="3.08984375" style="6" customWidth="1"/>
    <col min="6689" max="6689" width="11.26953125" style="6" customWidth="1"/>
    <col min="6690" max="6908" width="9" style="6"/>
    <col min="6909" max="6909" width="1.453125" style="6" customWidth="1"/>
    <col min="6910" max="6911" width="4.26953125" style="6" customWidth="1"/>
    <col min="6912" max="6912" width="0.6328125" style="6" customWidth="1"/>
    <col min="6913" max="6944" width="3.08984375" style="6" customWidth="1"/>
    <col min="6945" max="6945" width="11.26953125" style="6" customWidth="1"/>
    <col min="6946" max="7164" width="9" style="6"/>
    <col min="7165" max="7165" width="1.453125" style="6" customWidth="1"/>
    <col min="7166" max="7167" width="4.26953125" style="6" customWidth="1"/>
    <col min="7168" max="7168" width="0.6328125" style="6" customWidth="1"/>
    <col min="7169" max="7200" width="3.08984375" style="6" customWidth="1"/>
    <col min="7201" max="7201" width="11.26953125" style="6" customWidth="1"/>
    <col min="7202" max="7420" width="9" style="6"/>
    <col min="7421" max="7421" width="1.453125" style="6" customWidth="1"/>
    <col min="7422" max="7423" width="4.26953125" style="6" customWidth="1"/>
    <col min="7424" max="7424" width="0.6328125" style="6" customWidth="1"/>
    <col min="7425" max="7456" width="3.08984375" style="6" customWidth="1"/>
    <col min="7457" max="7457" width="11.26953125" style="6" customWidth="1"/>
    <col min="7458" max="7676" width="9" style="6"/>
    <col min="7677" max="7677" width="1.453125" style="6" customWidth="1"/>
    <col min="7678" max="7679" width="4.26953125" style="6" customWidth="1"/>
    <col min="7680" max="7680" width="0.6328125" style="6" customWidth="1"/>
    <col min="7681" max="7712" width="3.08984375" style="6" customWidth="1"/>
    <col min="7713" max="7713" width="11.26953125" style="6" customWidth="1"/>
    <col min="7714" max="7932" width="9" style="6"/>
    <col min="7933" max="7933" width="1.453125" style="6" customWidth="1"/>
    <col min="7934" max="7935" width="4.26953125" style="6" customWidth="1"/>
    <col min="7936" max="7936" width="0.6328125" style="6" customWidth="1"/>
    <col min="7937" max="7968" width="3.08984375" style="6" customWidth="1"/>
    <col min="7969" max="7969" width="11.26953125" style="6" customWidth="1"/>
    <col min="7970" max="8188" width="9" style="6"/>
    <col min="8189" max="8189" width="1.453125" style="6" customWidth="1"/>
    <col min="8190" max="8191" width="4.26953125" style="6" customWidth="1"/>
    <col min="8192" max="8192" width="0.6328125" style="6" customWidth="1"/>
    <col min="8193" max="8224" width="3.08984375" style="6" customWidth="1"/>
    <col min="8225" max="8225" width="11.26953125" style="6" customWidth="1"/>
    <col min="8226" max="8444" width="9" style="6"/>
    <col min="8445" max="8445" width="1.453125" style="6" customWidth="1"/>
    <col min="8446" max="8447" width="4.26953125" style="6" customWidth="1"/>
    <col min="8448" max="8448" width="0.6328125" style="6" customWidth="1"/>
    <col min="8449" max="8480" width="3.08984375" style="6" customWidth="1"/>
    <col min="8481" max="8481" width="11.26953125" style="6" customWidth="1"/>
    <col min="8482" max="8700" width="9" style="6"/>
    <col min="8701" max="8701" width="1.453125" style="6" customWidth="1"/>
    <col min="8702" max="8703" width="4.26953125" style="6" customWidth="1"/>
    <col min="8704" max="8704" width="0.6328125" style="6" customWidth="1"/>
    <col min="8705" max="8736" width="3.08984375" style="6" customWidth="1"/>
    <col min="8737" max="8737" width="11.26953125" style="6" customWidth="1"/>
    <col min="8738" max="8956" width="9" style="6"/>
    <col min="8957" max="8957" width="1.453125" style="6" customWidth="1"/>
    <col min="8958" max="8959" width="4.26953125" style="6" customWidth="1"/>
    <col min="8960" max="8960" width="0.6328125" style="6" customWidth="1"/>
    <col min="8961" max="8992" width="3.08984375" style="6" customWidth="1"/>
    <col min="8993" max="8993" width="11.26953125" style="6" customWidth="1"/>
    <col min="8994" max="9212" width="9" style="6"/>
    <col min="9213" max="9213" width="1.453125" style="6" customWidth="1"/>
    <col min="9214" max="9215" width="4.26953125" style="6" customWidth="1"/>
    <col min="9216" max="9216" width="0.6328125" style="6" customWidth="1"/>
    <col min="9217" max="9248" width="3.08984375" style="6" customWidth="1"/>
    <col min="9249" max="9249" width="11.26953125" style="6" customWidth="1"/>
    <col min="9250" max="9468" width="9" style="6"/>
    <col min="9469" max="9469" width="1.453125" style="6" customWidth="1"/>
    <col min="9470" max="9471" width="4.26953125" style="6" customWidth="1"/>
    <col min="9472" max="9472" width="0.6328125" style="6" customWidth="1"/>
    <col min="9473" max="9504" width="3.08984375" style="6" customWidth="1"/>
    <col min="9505" max="9505" width="11.26953125" style="6" customWidth="1"/>
    <col min="9506" max="9724" width="9" style="6"/>
    <col min="9725" max="9725" width="1.453125" style="6" customWidth="1"/>
    <col min="9726" max="9727" width="4.26953125" style="6" customWidth="1"/>
    <col min="9728" max="9728" width="0.6328125" style="6" customWidth="1"/>
    <col min="9729" max="9760" width="3.08984375" style="6" customWidth="1"/>
    <col min="9761" max="9761" width="11.26953125" style="6" customWidth="1"/>
    <col min="9762" max="9980" width="9" style="6"/>
    <col min="9981" max="9981" width="1.453125" style="6" customWidth="1"/>
    <col min="9982" max="9983" width="4.26953125" style="6" customWidth="1"/>
    <col min="9984" max="9984" width="0.6328125" style="6" customWidth="1"/>
    <col min="9985" max="10016" width="3.08984375" style="6" customWidth="1"/>
    <col min="10017" max="10017" width="11.26953125" style="6" customWidth="1"/>
    <col min="10018" max="10236" width="9" style="6"/>
    <col min="10237" max="10237" width="1.453125" style="6" customWidth="1"/>
    <col min="10238" max="10239" width="4.26953125" style="6" customWidth="1"/>
    <col min="10240" max="10240" width="0.6328125" style="6" customWidth="1"/>
    <col min="10241" max="10272" width="3.08984375" style="6" customWidth="1"/>
    <col min="10273" max="10273" width="11.26953125" style="6" customWidth="1"/>
    <col min="10274" max="10492" width="9" style="6"/>
    <col min="10493" max="10493" width="1.453125" style="6" customWidth="1"/>
    <col min="10494" max="10495" width="4.26953125" style="6" customWidth="1"/>
    <col min="10496" max="10496" width="0.6328125" style="6" customWidth="1"/>
    <col min="10497" max="10528" width="3.08984375" style="6" customWidth="1"/>
    <col min="10529" max="10529" width="11.26953125" style="6" customWidth="1"/>
    <col min="10530" max="10748" width="9" style="6"/>
    <col min="10749" max="10749" width="1.453125" style="6" customWidth="1"/>
    <col min="10750" max="10751" width="4.26953125" style="6" customWidth="1"/>
    <col min="10752" max="10752" width="0.6328125" style="6" customWidth="1"/>
    <col min="10753" max="10784" width="3.08984375" style="6" customWidth="1"/>
    <col min="10785" max="10785" width="11.26953125" style="6" customWidth="1"/>
    <col min="10786" max="11004" width="9" style="6"/>
    <col min="11005" max="11005" width="1.453125" style="6" customWidth="1"/>
    <col min="11006" max="11007" width="4.26953125" style="6" customWidth="1"/>
    <col min="11008" max="11008" width="0.6328125" style="6" customWidth="1"/>
    <col min="11009" max="11040" width="3.08984375" style="6" customWidth="1"/>
    <col min="11041" max="11041" width="11.26953125" style="6" customWidth="1"/>
    <col min="11042" max="11260" width="9" style="6"/>
    <col min="11261" max="11261" width="1.453125" style="6" customWidth="1"/>
    <col min="11262" max="11263" width="4.26953125" style="6" customWidth="1"/>
    <col min="11264" max="11264" width="0.6328125" style="6" customWidth="1"/>
    <col min="11265" max="11296" width="3.08984375" style="6" customWidth="1"/>
    <col min="11297" max="11297" width="11.26953125" style="6" customWidth="1"/>
    <col min="11298" max="11516" width="9" style="6"/>
    <col min="11517" max="11517" width="1.453125" style="6" customWidth="1"/>
    <col min="11518" max="11519" width="4.26953125" style="6" customWidth="1"/>
    <col min="11520" max="11520" width="0.6328125" style="6" customWidth="1"/>
    <col min="11521" max="11552" width="3.08984375" style="6" customWidth="1"/>
    <col min="11553" max="11553" width="11.26953125" style="6" customWidth="1"/>
    <col min="11554" max="11772" width="9" style="6"/>
    <col min="11773" max="11773" width="1.453125" style="6" customWidth="1"/>
    <col min="11774" max="11775" width="4.26953125" style="6" customWidth="1"/>
    <col min="11776" max="11776" width="0.6328125" style="6" customWidth="1"/>
    <col min="11777" max="11808" width="3.08984375" style="6" customWidth="1"/>
    <col min="11809" max="11809" width="11.26953125" style="6" customWidth="1"/>
    <col min="11810" max="12028" width="9" style="6"/>
    <col min="12029" max="12029" width="1.453125" style="6" customWidth="1"/>
    <col min="12030" max="12031" width="4.26953125" style="6" customWidth="1"/>
    <col min="12032" max="12032" width="0.6328125" style="6" customWidth="1"/>
    <col min="12033" max="12064" width="3.08984375" style="6" customWidth="1"/>
    <col min="12065" max="12065" width="11.26953125" style="6" customWidth="1"/>
    <col min="12066" max="12284" width="9" style="6"/>
    <col min="12285" max="12285" width="1.453125" style="6" customWidth="1"/>
    <col min="12286" max="12287" width="4.26953125" style="6" customWidth="1"/>
    <col min="12288" max="12288" width="0.6328125" style="6" customWidth="1"/>
    <col min="12289" max="12320" width="3.08984375" style="6" customWidth="1"/>
    <col min="12321" max="12321" width="11.26953125" style="6" customWidth="1"/>
    <col min="12322" max="12540" width="9" style="6"/>
    <col min="12541" max="12541" width="1.453125" style="6" customWidth="1"/>
    <col min="12542" max="12543" width="4.26953125" style="6" customWidth="1"/>
    <col min="12544" max="12544" width="0.6328125" style="6" customWidth="1"/>
    <col min="12545" max="12576" width="3.08984375" style="6" customWidth="1"/>
    <col min="12577" max="12577" width="11.26953125" style="6" customWidth="1"/>
    <col min="12578" max="12796" width="9" style="6"/>
    <col min="12797" max="12797" width="1.453125" style="6" customWidth="1"/>
    <col min="12798" max="12799" width="4.26953125" style="6" customWidth="1"/>
    <col min="12800" max="12800" width="0.6328125" style="6" customWidth="1"/>
    <col min="12801" max="12832" width="3.08984375" style="6" customWidth="1"/>
    <col min="12833" max="12833" width="11.26953125" style="6" customWidth="1"/>
    <col min="12834" max="13052" width="9" style="6"/>
    <col min="13053" max="13053" width="1.453125" style="6" customWidth="1"/>
    <col min="13054" max="13055" width="4.26953125" style="6" customWidth="1"/>
    <col min="13056" max="13056" width="0.6328125" style="6" customWidth="1"/>
    <col min="13057" max="13088" width="3.08984375" style="6" customWidth="1"/>
    <col min="13089" max="13089" width="11.26953125" style="6" customWidth="1"/>
    <col min="13090" max="13308" width="9" style="6"/>
    <col min="13309" max="13309" width="1.453125" style="6" customWidth="1"/>
    <col min="13310" max="13311" width="4.26953125" style="6" customWidth="1"/>
    <col min="13312" max="13312" width="0.6328125" style="6" customWidth="1"/>
    <col min="13313" max="13344" width="3.08984375" style="6" customWidth="1"/>
    <col min="13345" max="13345" width="11.26953125" style="6" customWidth="1"/>
    <col min="13346" max="13564" width="9" style="6"/>
    <col min="13565" max="13565" width="1.453125" style="6" customWidth="1"/>
    <col min="13566" max="13567" width="4.26953125" style="6" customWidth="1"/>
    <col min="13568" max="13568" width="0.6328125" style="6" customWidth="1"/>
    <col min="13569" max="13600" width="3.08984375" style="6" customWidth="1"/>
    <col min="13601" max="13601" width="11.26953125" style="6" customWidth="1"/>
    <col min="13602" max="13820" width="9" style="6"/>
    <col min="13821" max="13821" width="1.453125" style="6" customWidth="1"/>
    <col min="13822" max="13823" width="4.26953125" style="6" customWidth="1"/>
    <col min="13824" max="13824" width="0.6328125" style="6" customWidth="1"/>
    <col min="13825" max="13856" width="3.08984375" style="6" customWidth="1"/>
    <col min="13857" max="13857" width="11.26953125" style="6" customWidth="1"/>
    <col min="13858" max="14076" width="9" style="6"/>
    <col min="14077" max="14077" width="1.453125" style="6" customWidth="1"/>
    <col min="14078" max="14079" width="4.26953125" style="6" customWidth="1"/>
    <col min="14080" max="14080" width="0.6328125" style="6" customWidth="1"/>
    <col min="14081" max="14112" width="3.08984375" style="6" customWidth="1"/>
    <col min="14113" max="14113" width="11.26953125" style="6" customWidth="1"/>
    <col min="14114" max="14332" width="9" style="6"/>
    <col min="14333" max="14333" width="1.453125" style="6" customWidth="1"/>
    <col min="14334" max="14335" width="4.26953125" style="6" customWidth="1"/>
    <col min="14336" max="14336" width="0.6328125" style="6" customWidth="1"/>
    <col min="14337" max="14368" width="3.08984375" style="6" customWidth="1"/>
    <col min="14369" max="14369" width="11.26953125" style="6" customWidth="1"/>
    <col min="14370" max="14588" width="9" style="6"/>
    <col min="14589" max="14589" width="1.453125" style="6" customWidth="1"/>
    <col min="14590" max="14591" width="4.26953125" style="6" customWidth="1"/>
    <col min="14592" max="14592" width="0.6328125" style="6" customWidth="1"/>
    <col min="14593" max="14624" width="3.08984375" style="6" customWidth="1"/>
    <col min="14625" max="14625" width="11.26953125" style="6" customWidth="1"/>
    <col min="14626" max="14844" width="9" style="6"/>
    <col min="14845" max="14845" width="1.453125" style="6" customWidth="1"/>
    <col min="14846" max="14847" width="4.26953125" style="6" customWidth="1"/>
    <col min="14848" max="14848" width="0.6328125" style="6" customWidth="1"/>
    <col min="14849" max="14880" width="3.08984375" style="6" customWidth="1"/>
    <col min="14881" max="14881" width="11.26953125" style="6" customWidth="1"/>
    <col min="14882" max="15100" width="9" style="6"/>
    <col min="15101" max="15101" width="1.453125" style="6" customWidth="1"/>
    <col min="15102" max="15103" width="4.26953125" style="6" customWidth="1"/>
    <col min="15104" max="15104" width="0.6328125" style="6" customWidth="1"/>
    <col min="15105" max="15136" width="3.08984375" style="6" customWidth="1"/>
    <col min="15137" max="15137" width="11.26953125" style="6" customWidth="1"/>
    <col min="15138" max="15356" width="9" style="6"/>
    <col min="15357" max="15357" width="1.453125" style="6" customWidth="1"/>
    <col min="15358" max="15359" width="4.26953125" style="6" customWidth="1"/>
    <col min="15360" max="15360" width="0.6328125" style="6" customWidth="1"/>
    <col min="15361" max="15392" width="3.08984375" style="6" customWidth="1"/>
    <col min="15393" max="15393" width="11.26953125" style="6" customWidth="1"/>
    <col min="15394" max="15612" width="9" style="6"/>
    <col min="15613" max="15613" width="1.453125" style="6" customWidth="1"/>
    <col min="15614" max="15615" width="4.26953125" style="6" customWidth="1"/>
    <col min="15616" max="15616" width="0.6328125" style="6" customWidth="1"/>
    <col min="15617" max="15648" width="3.08984375" style="6" customWidth="1"/>
    <col min="15649" max="15649" width="11.26953125" style="6" customWidth="1"/>
    <col min="15650" max="15868" width="9" style="6"/>
    <col min="15869" max="15869" width="1.453125" style="6" customWidth="1"/>
    <col min="15870" max="15871" width="4.26953125" style="6" customWidth="1"/>
    <col min="15872" max="15872" width="0.6328125" style="6" customWidth="1"/>
    <col min="15873" max="15904" width="3.08984375" style="6" customWidth="1"/>
    <col min="15905" max="15905" width="11.26953125" style="6" customWidth="1"/>
    <col min="15906" max="16124" width="9" style="6"/>
    <col min="16125" max="16125" width="1.453125" style="6" customWidth="1"/>
    <col min="16126" max="16127" width="4.26953125" style="6" customWidth="1"/>
    <col min="16128" max="16128" width="0.6328125" style="6" customWidth="1"/>
    <col min="16129" max="16160" width="3.08984375" style="6" customWidth="1"/>
    <col min="16161" max="16161" width="11.26953125" style="6" customWidth="1"/>
    <col min="16162" max="16384" width="9" style="6"/>
  </cols>
  <sheetData>
    <row r="1" spans="2:37" s="1" customFormat="1"/>
    <row r="2" spans="2:37" s="1" customFormat="1">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row>
    <row r="3" spans="2:37" s="1" customFormat="1" ht="14.25" customHeight="1">
      <c r="AB3" s="23" t="s">
        <v>1</v>
      </c>
      <c r="AC3" s="24"/>
      <c r="AD3" s="24"/>
      <c r="AE3" s="24"/>
      <c r="AF3" s="25"/>
      <c r="AG3" s="26"/>
      <c r="AH3" s="27"/>
      <c r="AI3" s="27"/>
      <c r="AJ3" s="27"/>
      <c r="AK3" s="28"/>
    </row>
    <row r="4" spans="2:37" s="1" customFormat="1"/>
    <row r="5" spans="2:37" s="1" customFormat="1">
      <c r="B5" s="134" t="s">
        <v>2</v>
      </c>
      <c r="C5" s="134"/>
      <c r="D5" s="134"/>
      <c r="E5" s="134"/>
      <c r="F5" s="134"/>
      <c r="G5" s="134"/>
      <c r="H5" s="134"/>
      <c r="I5" s="134"/>
      <c r="J5" s="134"/>
      <c r="K5" s="134"/>
      <c r="L5" s="134"/>
      <c r="M5" s="134"/>
      <c r="N5" s="134"/>
      <c r="O5" s="134"/>
      <c r="P5" s="134"/>
      <c r="Q5" s="134"/>
      <c r="R5" s="134"/>
      <c r="S5" s="134"/>
      <c r="T5" s="134"/>
      <c r="U5" s="134"/>
      <c r="V5" s="134"/>
      <c r="W5" s="134"/>
      <c r="X5" s="134"/>
      <c r="Y5" s="134"/>
      <c r="Z5" s="134"/>
      <c r="AA5" s="134"/>
      <c r="AB5" s="134"/>
      <c r="AC5" s="134"/>
      <c r="AD5" s="134"/>
      <c r="AE5" s="134"/>
      <c r="AF5" s="134"/>
      <c r="AG5" s="134"/>
      <c r="AH5" s="134"/>
      <c r="AI5" s="134"/>
      <c r="AJ5" s="134"/>
      <c r="AK5" s="134"/>
    </row>
    <row r="6" spans="2:37" s="1" customFormat="1" ht="13.5" customHeight="1">
      <c r="B6" s="135"/>
      <c r="C6" s="135"/>
      <c r="D6" s="135"/>
      <c r="E6" s="135"/>
      <c r="F6" s="135"/>
      <c r="G6" s="135"/>
      <c r="H6" s="135"/>
      <c r="I6" s="135"/>
      <c r="J6" s="135"/>
      <c r="K6" s="135"/>
      <c r="L6" s="135"/>
      <c r="M6" s="135"/>
      <c r="N6" s="135"/>
      <c r="O6" s="135"/>
      <c r="P6" s="135"/>
      <c r="Q6" s="135"/>
      <c r="R6" s="135"/>
      <c r="S6" s="135"/>
      <c r="T6" s="135"/>
      <c r="U6" s="135"/>
      <c r="V6" s="135"/>
      <c r="W6" s="135"/>
      <c r="X6" s="135"/>
      <c r="Y6" s="135"/>
      <c r="Z6" s="135"/>
      <c r="AA6" s="135"/>
      <c r="AB6" s="135"/>
      <c r="AC6" s="135"/>
      <c r="AD6" s="135"/>
      <c r="AE6" s="136" t="s">
        <v>3</v>
      </c>
      <c r="AF6" s="134"/>
      <c r="AG6" s="134"/>
      <c r="AH6" s="135" t="s">
        <v>4</v>
      </c>
      <c r="AI6" s="134"/>
      <c r="AJ6" s="134"/>
      <c r="AK6" s="135" t="s">
        <v>5</v>
      </c>
    </row>
    <row r="7" spans="2:37" s="1" customFormat="1">
      <c r="B7" s="29" t="s">
        <v>6</v>
      </c>
      <c r="C7" s="29"/>
      <c r="D7" s="29"/>
      <c r="E7" s="29"/>
      <c r="F7" s="29"/>
      <c r="G7" s="29"/>
      <c r="H7" s="29"/>
      <c r="I7" s="29"/>
      <c r="J7" s="29"/>
      <c r="K7" s="1" t="s">
        <v>7</v>
      </c>
      <c r="L7" s="3"/>
      <c r="M7" s="3"/>
      <c r="N7" s="3"/>
      <c r="O7" s="3"/>
      <c r="P7" s="3"/>
      <c r="Q7" s="3"/>
      <c r="R7" s="3"/>
      <c r="S7" s="3"/>
      <c r="T7" s="3"/>
      <c r="U7" s="3"/>
    </row>
    <row r="8" spans="2:37" s="1" customFormat="1">
      <c r="V8" s="21" t="s">
        <v>8</v>
      </c>
      <c r="W8" s="21"/>
      <c r="X8" s="21"/>
      <c r="Y8" s="21"/>
      <c r="Z8" s="21"/>
      <c r="AA8" s="21"/>
      <c r="AB8" s="21"/>
      <c r="AC8" s="21"/>
      <c r="AD8" s="21"/>
      <c r="AE8" s="21"/>
      <c r="AF8" s="21"/>
      <c r="AG8" s="21"/>
      <c r="AH8" s="21"/>
      <c r="AI8" s="21"/>
      <c r="AJ8" s="21"/>
      <c r="AK8" s="21"/>
    </row>
    <row r="9" spans="2:37" s="1" customFormat="1">
      <c r="Y9" s="22"/>
      <c r="Z9" s="22"/>
      <c r="AA9" s="22"/>
      <c r="AB9" s="22"/>
      <c r="AC9" s="22"/>
      <c r="AD9" s="22"/>
      <c r="AE9" s="22"/>
      <c r="AF9" s="22"/>
      <c r="AG9" s="22"/>
      <c r="AH9" s="22"/>
      <c r="AI9" s="22"/>
      <c r="AJ9" s="22"/>
      <c r="AK9" s="22"/>
    </row>
    <row r="10" spans="2:37" s="1" customFormat="1">
      <c r="V10" s="22" t="s">
        <v>9</v>
      </c>
      <c r="W10" s="22"/>
      <c r="X10" s="22"/>
      <c r="Y10" s="22"/>
      <c r="Z10" s="22"/>
      <c r="AA10" s="22"/>
      <c r="AB10" s="22"/>
      <c r="AC10" s="22"/>
      <c r="AD10" s="22"/>
      <c r="AE10" s="22"/>
      <c r="AF10" s="22"/>
      <c r="AG10" s="22"/>
      <c r="AH10" s="22"/>
      <c r="AI10" s="22"/>
      <c r="AJ10" s="22"/>
      <c r="AK10" s="22"/>
    </row>
    <row r="11" spans="2:37" s="1" customFormat="1">
      <c r="Y11" s="22"/>
      <c r="Z11" s="22"/>
      <c r="AA11" s="22"/>
      <c r="AB11" s="22"/>
      <c r="AC11" s="22"/>
      <c r="AD11" s="22"/>
      <c r="AE11" s="22"/>
      <c r="AF11" s="22"/>
      <c r="AG11" s="22"/>
      <c r="AH11" s="22"/>
      <c r="AI11" s="22"/>
      <c r="AJ11" s="22"/>
      <c r="AK11" s="22"/>
    </row>
    <row r="12" spans="2:37" s="1" customFormat="1">
      <c r="C12" s="2" t="s">
        <v>10</v>
      </c>
      <c r="D12" s="2"/>
    </row>
    <row r="13" spans="2:37" s="1" customFormat="1">
      <c r="N13" s="30"/>
      <c r="O13" s="30"/>
      <c r="AB13" s="23" t="s">
        <v>11</v>
      </c>
      <c r="AC13" s="24"/>
      <c r="AD13" s="24"/>
      <c r="AE13" s="24"/>
      <c r="AF13" s="24"/>
      <c r="AG13" s="24"/>
      <c r="AH13" s="24"/>
      <c r="AI13" s="25"/>
      <c r="AJ13" s="31"/>
      <c r="AK13" s="32"/>
    </row>
    <row r="14" spans="2:37" s="1" customFormat="1" ht="14.25" customHeight="1">
      <c r="B14" s="33" t="s">
        <v>12</v>
      </c>
      <c r="C14" s="36" t="s">
        <v>13</v>
      </c>
      <c r="D14" s="37"/>
      <c r="E14" s="37"/>
      <c r="F14" s="37"/>
      <c r="G14" s="37"/>
      <c r="H14" s="37"/>
      <c r="I14" s="37"/>
      <c r="J14" s="37"/>
      <c r="K14" s="37"/>
      <c r="L14" s="38"/>
      <c r="M14" s="39"/>
      <c r="N14" s="40"/>
      <c r="O14" s="40"/>
      <c r="P14" s="40"/>
      <c r="Q14" s="40"/>
      <c r="R14" s="40"/>
      <c r="S14" s="40"/>
      <c r="T14" s="40"/>
      <c r="U14" s="40"/>
      <c r="V14" s="40"/>
      <c r="W14" s="40"/>
      <c r="X14" s="40"/>
      <c r="Y14" s="40"/>
      <c r="Z14" s="40"/>
      <c r="AA14" s="40"/>
      <c r="AB14" s="40"/>
      <c r="AC14" s="40"/>
      <c r="AD14" s="40"/>
      <c r="AE14" s="40"/>
      <c r="AF14" s="40"/>
      <c r="AG14" s="40"/>
      <c r="AH14" s="40"/>
      <c r="AI14" s="40"/>
      <c r="AJ14" s="40"/>
      <c r="AK14" s="41"/>
    </row>
    <row r="15" spans="2:37" s="1" customFormat="1" ht="14.25" customHeight="1">
      <c r="B15" s="34"/>
      <c r="C15" s="42" t="s">
        <v>14</v>
      </c>
      <c r="D15" s="43"/>
      <c r="E15" s="43"/>
      <c r="F15" s="43"/>
      <c r="G15" s="43"/>
      <c r="H15" s="43"/>
      <c r="I15" s="43"/>
      <c r="J15" s="43"/>
      <c r="K15" s="43"/>
      <c r="L15" s="43"/>
      <c r="M15" s="44"/>
      <c r="N15" s="45"/>
      <c r="O15" s="45"/>
      <c r="P15" s="45"/>
      <c r="Q15" s="45"/>
      <c r="R15" s="45"/>
      <c r="S15" s="45"/>
      <c r="T15" s="45"/>
      <c r="U15" s="45"/>
      <c r="V15" s="45"/>
      <c r="W15" s="45"/>
      <c r="X15" s="45"/>
      <c r="Y15" s="45"/>
      <c r="Z15" s="45"/>
      <c r="AA15" s="45"/>
      <c r="AB15" s="45"/>
      <c r="AC15" s="45"/>
      <c r="AD15" s="45"/>
      <c r="AE15" s="45"/>
      <c r="AF15" s="45"/>
      <c r="AG15" s="45"/>
      <c r="AH15" s="45"/>
      <c r="AI15" s="45"/>
      <c r="AJ15" s="45"/>
      <c r="AK15" s="46"/>
    </row>
    <row r="16" spans="2:37" s="1" customFormat="1" ht="13.5" customHeight="1">
      <c r="B16" s="34"/>
      <c r="C16" s="36" t="s">
        <v>15</v>
      </c>
      <c r="D16" s="37"/>
      <c r="E16" s="37"/>
      <c r="F16" s="37"/>
      <c r="G16" s="37"/>
      <c r="H16" s="37"/>
      <c r="I16" s="37"/>
      <c r="J16" s="37"/>
      <c r="K16" s="37"/>
      <c r="L16" s="47"/>
      <c r="M16" s="31" t="s">
        <v>16</v>
      </c>
      <c r="N16" s="52"/>
      <c r="O16" s="52"/>
      <c r="P16" s="52"/>
      <c r="Q16" s="52"/>
      <c r="R16" s="52"/>
      <c r="S16" s="52"/>
      <c r="T16" s="4" t="s">
        <v>17</v>
      </c>
      <c r="U16" s="52"/>
      <c r="V16" s="52"/>
      <c r="W16" s="52"/>
      <c r="X16" s="4" t="s">
        <v>18</v>
      </c>
      <c r="Y16" s="52"/>
      <c r="Z16" s="52"/>
      <c r="AA16" s="52"/>
      <c r="AB16" s="52"/>
      <c r="AC16" s="52"/>
      <c r="AD16" s="52"/>
      <c r="AE16" s="52"/>
      <c r="AF16" s="52"/>
      <c r="AG16" s="52"/>
      <c r="AH16" s="52"/>
      <c r="AI16" s="52"/>
      <c r="AJ16" s="52"/>
      <c r="AK16" s="32"/>
    </row>
    <row r="17" spans="2:37" s="1" customFormat="1" ht="13.5" customHeight="1">
      <c r="B17" s="34"/>
      <c r="C17" s="42"/>
      <c r="D17" s="43"/>
      <c r="E17" s="43"/>
      <c r="F17" s="43"/>
      <c r="G17" s="43"/>
      <c r="H17" s="43"/>
      <c r="I17" s="43"/>
      <c r="J17" s="43"/>
      <c r="K17" s="43"/>
      <c r="L17" s="48"/>
      <c r="M17" s="59" t="s">
        <v>19</v>
      </c>
      <c r="N17" s="60"/>
      <c r="O17" s="60"/>
      <c r="P17" s="60"/>
      <c r="Q17" s="5" t="s">
        <v>20</v>
      </c>
      <c r="R17" s="60"/>
      <c r="S17" s="60"/>
      <c r="T17" s="60"/>
      <c r="U17" s="60"/>
      <c r="V17" s="60" t="s">
        <v>21</v>
      </c>
      <c r="W17" s="60"/>
      <c r="X17" s="60"/>
      <c r="Y17" s="60"/>
      <c r="Z17" s="60"/>
      <c r="AA17" s="60"/>
      <c r="AB17" s="60"/>
      <c r="AC17" s="60"/>
      <c r="AD17" s="60"/>
      <c r="AE17" s="60"/>
      <c r="AF17" s="60"/>
      <c r="AG17" s="60"/>
      <c r="AH17" s="60"/>
      <c r="AI17" s="60"/>
      <c r="AJ17" s="60"/>
      <c r="AK17" s="61"/>
    </row>
    <row r="18" spans="2:37" s="1" customFormat="1">
      <c r="B18" s="34"/>
      <c r="C18" s="49"/>
      <c r="D18" s="50"/>
      <c r="E18" s="50"/>
      <c r="F18" s="50"/>
      <c r="G18" s="50"/>
      <c r="H18" s="50"/>
      <c r="I18" s="50"/>
      <c r="J18" s="50"/>
      <c r="K18" s="50"/>
      <c r="L18" s="51"/>
      <c r="M18" s="53" t="s">
        <v>22</v>
      </c>
      <c r="N18" s="54"/>
      <c r="O18" s="54"/>
      <c r="P18" s="54"/>
      <c r="Q18" s="54"/>
      <c r="R18" s="54"/>
      <c r="S18" s="54"/>
      <c r="T18" s="54"/>
      <c r="U18" s="54"/>
      <c r="V18" s="54"/>
      <c r="W18" s="54"/>
      <c r="X18" s="54"/>
      <c r="Y18" s="54"/>
      <c r="Z18" s="54"/>
      <c r="AA18" s="54"/>
      <c r="AB18" s="54"/>
      <c r="AC18" s="54"/>
      <c r="AD18" s="54"/>
      <c r="AE18" s="54"/>
      <c r="AF18" s="54"/>
      <c r="AG18" s="54"/>
      <c r="AH18" s="54"/>
      <c r="AI18" s="54"/>
      <c r="AJ18" s="54"/>
      <c r="AK18" s="55"/>
    </row>
    <row r="19" spans="2:37" s="1" customFormat="1" ht="14.25" customHeight="1">
      <c r="B19" s="34"/>
      <c r="C19" s="56" t="s">
        <v>23</v>
      </c>
      <c r="D19" s="57"/>
      <c r="E19" s="57"/>
      <c r="F19" s="57"/>
      <c r="G19" s="57"/>
      <c r="H19" s="57"/>
      <c r="I19" s="57"/>
      <c r="J19" s="57"/>
      <c r="K19" s="57"/>
      <c r="L19" s="58"/>
      <c r="M19" s="23" t="s">
        <v>24</v>
      </c>
      <c r="N19" s="24"/>
      <c r="O19" s="24"/>
      <c r="P19" s="24"/>
      <c r="Q19" s="25"/>
      <c r="R19" s="26"/>
      <c r="S19" s="27"/>
      <c r="T19" s="27"/>
      <c r="U19" s="27"/>
      <c r="V19" s="27"/>
      <c r="W19" s="27"/>
      <c r="X19" s="27"/>
      <c r="Y19" s="27"/>
      <c r="Z19" s="27"/>
      <c r="AA19" s="28"/>
      <c r="AB19" s="31" t="s">
        <v>25</v>
      </c>
      <c r="AC19" s="52"/>
      <c r="AD19" s="52"/>
      <c r="AE19" s="52"/>
      <c r="AF19" s="32"/>
      <c r="AG19" s="26"/>
      <c r="AH19" s="27"/>
      <c r="AI19" s="27"/>
      <c r="AJ19" s="27"/>
      <c r="AK19" s="28"/>
    </row>
    <row r="20" spans="2:37" ht="14.25" customHeight="1">
      <c r="B20" s="34"/>
      <c r="C20" s="62" t="s">
        <v>26</v>
      </c>
      <c r="D20" s="62"/>
      <c r="E20" s="62"/>
      <c r="F20" s="62"/>
      <c r="G20" s="62"/>
      <c r="H20" s="62"/>
      <c r="I20" s="62"/>
      <c r="J20" s="62"/>
      <c r="K20" s="62"/>
      <c r="L20" s="62"/>
      <c r="M20" s="63"/>
      <c r="N20" s="64"/>
      <c r="O20" s="64"/>
      <c r="P20" s="64"/>
      <c r="Q20" s="64"/>
      <c r="R20" s="64"/>
      <c r="S20" s="64"/>
      <c r="T20" s="64"/>
      <c r="U20" s="65"/>
      <c r="V20" s="63" t="s">
        <v>27</v>
      </c>
      <c r="W20" s="64"/>
      <c r="X20" s="64"/>
      <c r="Y20" s="64"/>
      <c r="Z20" s="64"/>
      <c r="AA20" s="65"/>
      <c r="AB20" s="63"/>
      <c r="AC20" s="64"/>
      <c r="AD20" s="64"/>
      <c r="AE20" s="64"/>
      <c r="AF20" s="64"/>
      <c r="AG20" s="64"/>
      <c r="AH20" s="64"/>
      <c r="AI20" s="64"/>
      <c r="AJ20" s="64"/>
      <c r="AK20" s="65"/>
    </row>
    <row r="21" spans="2:37" ht="14.25" customHeight="1">
      <c r="B21" s="34"/>
      <c r="C21" s="62" t="s">
        <v>28</v>
      </c>
      <c r="D21" s="62"/>
      <c r="E21" s="62"/>
      <c r="F21" s="62"/>
      <c r="G21" s="62"/>
      <c r="H21" s="62"/>
      <c r="I21" s="62"/>
      <c r="J21" s="66"/>
      <c r="K21" s="66"/>
      <c r="L21" s="67"/>
      <c r="M21" s="63" t="s">
        <v>29</v>
      </c>
      <c r="N21" s="64"/>
      <c r="O21" s="64"/>
      <c r="P21" s="64"/>
      <c r="Q21" s="65"/>
      <c r="R21" s="68"/>
      <c r="S21" s="69"/>
      <c r="T21" s="69"/>
      <c r="U21" s="69"/>
      <c r="V21" s="69"/>
      <c r="W21" s="69"/>
      <c r="X21" s="69"/>
      <c r="Y21" s="69"/>
      <c r="Z21" s="69"/>
      <c r="AA21" s="70"/>
      <c r="AB21" s="64" t="s">
        <v>30</v>
      </c>
      <c r="AC21" s="64"/>
      <c r="AD21" s="64"/>
      <c r="AE21" s="64"/>
      <c r="AF21" s="65"/>
      <c r="AG21" s="68"/>
      <c r="AH21" s="69"/>
      <c r="AI21" s="69"/>
      <c r="AJ21" s="69"/>
      <c r="AK21" s="70"/>
    </row>
    <row r="22" spans="2:37" ht="13.5" customHeight="1">
      <c r="B22" s="34"/>
      <c r="C22" s="71" t="s">
        <v>31</v>
      </c>
      <c r="D22" s="71"/>
      <c r="E22" s="71"/>
      <c r="F22" s="71"/>
      <c r="G22" s="71"/>
      <c r="H22" s="71"/>
      <c r="I22" s="71"/>
      <c r="J22" s="72"/>
      <c r="K22" s="72"/>
      <c r="L22" s="72"/>
      <c r="M22" s="31" t="s">
        <v>16</v>
      </c>
      <c r="N22" s="52"/>
      <c r="O22" s="52"/>
      <c r="P22" s="52"/>
      <c r="Q22" s="52"/>
      <c r="R22" s="52"/>
      <c r="S22" s="52"/>
      <c r="T22" s="4" t="s">
        <v>17</v>
      </c>
      <c r="U22" s="52"/>
      <c r="V22" s="52"/>
      <c r="W22" s="52"/>
      <c r="X22" s="4" t="s">
        <v>18</v>
      </c>
      <c r="Y22" s="52"/>
      <c r="Z22" s="52"/>
      <c r="AA22" s="52"/>
      <c r="AB22" s="52"/>
      <c r="AC22" s="52"/>
      <c r="AD22" s="52"/>
      <c r="AE22" s="52"/>
      <c r="AF22" s="52"/>
      <c r="AG22" s="52"/>
      <c r="AH22" s="52"/>
      <c r="AI22" s="52"/>
      <c r="AJ22" s="52"/>
      <c r="AK22" s="32"/>
    </row>
    <row r="23" spans="2:37" ht="14.25" customHeight="1">
      <c r="B23" s="34"/>
      <c r="C23" s="71"/>
      <c r="D23" s="71"/>
      <c r="E23" s="71"/>
      <c r="F23" s="71"/>
      <c r="G23" s="71"/>
      <c r="H23" s="71"/>
      <c r="I23" s="71"/>
      <c r="J23" s="72"/>
      <c r="K23" s="72"/>
      <c r="L23" s="72"/>
      <c r="M23" s="59" t="s">
        <v>19</v>
      </c>
      <c r="N23" s="60"/>
      <c r="O23" s="60"/>
      <c r="P23" s="60"/>
      <c r="Q23" s="5" t="s">
        <v>20</v>
      </c>
      <c r="R23" s="60"/>
      <c r="S23" s="60"/>
      <c r="T23" s="60"/>
      <c r="U23" s="60"/>
      <c r="V23" s="60" t="s">
        <v>21</v>
      </c>
      <c r="W23" s="60"/>
      <c r="X23" s="60"/>
      <c r="Y23" s="60"/>
      <c r="Z23" s="60"/>
      <c r="AA23" s="60"/>
      <c r="AB23" s="60"/>
      <c r="AC23" s="60"/>
      <c r="AD23" s="60"/>
      <c r="AE23" s="60"/>
      <c r="AF23" s="60"/>
      <c r="AG23" s="60"/>
      <c r="AH23" s="60"/>
      <c r="AI23" s="60"/>
      <c r="AJ23" s="60"/>
      <c r="AK23" s="61"/>
    </row>
    <row r="24" spans="2:37">
      <c r="B24" s="35"/>
      <c r="C24" s="73"/>
      <c r="D24" s="73"/>
      <c r="E24" s="73"/>
      <c r="F24" s="73"/>
      <c r="G24" s="73"/>
      <c r="H24" s="73"/>
      <c r="I24" s="73"/>
      <c r="J24" s="74"/>
      <c r="K24" s="74"/>
      <c r="L24" s="74"/>
      <c r="M24" s="53"/>
      <c r="N24" s="54"/>
      <c r="O24" s="54"/>
      <c r="P24" s="54"/>
      <c r="Q24" s="54"/>
      <c r="R24" s="54"/>
      <c r="S24" s="54"/>
      <c r="T24" s="54"/>
      <c r="U24" s="54"/>
      <c r="V24" s="54"/>
      <c r="W24" s="54"/>
      <c r="X24" s="54"/>
      <c r="Y24" s="54"/>
      <c r="Z24" s="54"/>
      <c r="AA24" s="54"/>
      <c r="AB24" s="54"/>
      <c r="AC24" s="54"/>
      <c r="AD24" s="54"/>
      <c r="AE24" s="54"/>
      <c r="AF24" s="54"/>
      <c r="AG24" s="54"/>
      <c r="AH24" s="54"/>
      <c r="AI24" s="54"/>
      <c r="AJ24" s="54"/>
      <c r="AK24" s="55"/>
    </row>
    <row r="25" spans="2:37" ht="13.5" customHeight="1">
      <c r="B25" s="75" t="s">
        <v>32</v>
      </c>
      <c r="C25" s="71" t="s">
        <v>33</v>
      </c>
      <c r="D25" s="71"/>
      <c r="E25" s="71"/>
      <c r="F25" s="71"/>
      <c r="G25" s="71"/>
      <c r="H25" s="71"/>
      <c r="I25" s="71"/>
      <c r="J25" s="71"/>
      <c r="K25" s="71"/>
      <c r="L25" s="71"/>
      <c r="M25" s="31" t="s">
        <v>16</v>
      </c>
      <c r="N25" s="52"/>
      <c r="O25" s="52"/>
      <c r="P25" s="52"/>
      <c r="Q25" s="52"/>
      <c r="R25" s="52"/>
      <c r="S25" s="52"/>
      <c r="T25" s="4" t="s">
        <v>17</v>
      </c>
      <c r="U25" s="52"/>
      <c r="V25" s="52"/>
      <c r="W25" s="52"/>
      <c r="X25" s="4" t="s">
        <v>18</v>
      </c>
      <c r="Y25" s="52"/>
      <c r="Z25" s="52"/>
      <c r="AA25" s="52"/>
      <c r="AB25" s="52"/>
      <c r="AC25" s="52"/>
      <c r="AD25" s="52"/>
      <c r="AE25" s="52"/>
      <c r="AF25" s="52"/>
      <c r="AG25" s="52"/>
      <c r="AH25" s="52"/>
      <c r="AI25" s="52"/>
      <c r="AJ25" s="52"/>
      <c r="AK25" s="32"/>
    </row>
    <row r="26" spans="2:37" ht="14.25" customHeight="1">
      <c r="B26" s="76"/>
      <c r="C26" s="71"/>
      <c r="D26" s="71"/>
      <c r="E26" s="71"/>
      <c r="F26" s="71"/>
      <c r="G26" s="71"/>
      <c r="H26" s="71"/>
      <c r="I26" s="71"/>
      <c r="J26" s="71"/>
      <c r="K26" s="71"/>
      <c r="L26" s="71"/>
      <c r="M26" s="59" t="s">
        <v>19</v>
      </c>
      <c r="N26" s="60"/>
      <c r="O26" s="60"/>
      <c r="P26" s="60"/>
      <c r="Q26" s="5" t="s">
        <v>20</v>
      </c>
      <c r="R26" s="60"/>
      <c r="S26" s="60"/>
      <c r="T26" s="60"/>
      <c r="U26" s="60"/>
      <c r="V26" s="60" t="s">
        <v>21</v>
      </c>
      <c r="W26" s="60"/>
      <c r="X26" s="60"/>
      <c r="Y26" s="60"/>
      <c r="Z26" s="60"/>
      <c r="AA26" s="60"/>
      <c r="AB26" s="60"/>
      <c r="AC26" s="60"/>
      <c r="AD26" s="60"/>
      <c r="AE26" s="60"/>
      <c r="AF26" s="60"/>
      <c r="AG26" s="60"/>
      <c r="AH26" s="60"/>
      <c r="AI26" s="60"/>
      <c r="AJ26" s="60"/>
      <c r="AK26" s="61"/>
    </row>
    <row r="27" spans="2:37">
      <c r="B27" s="76"/>
      <c r="C27" s="71"/>
      <c r="D27" s="71"/>
      <c r="E27" s="71"/>
      <c r="F27" s="71"/>
      <c r="G27" s="71"/>
      <c r="H27" s="71"/>
      <c r="I27" s="71"/>
      <c r="J27" s="71"/>
      <c r="K27" s="71"/>
      <c r="L27" s="71"/>
      <c r="M27" s="53"/>
      <c r="N27" s="54"/>
      <c r="O27" s="54"/>
      <c r="P27" s="54"/>
      <c r="Q27" s="54"/>
      <c r="R27" s="54"/>
      <c r="S27" s="54"/>
      <c r="T27" s="54"/>
      <c r="U27" s="54"/>
      <c r="V27" s="54"/>
      <c r="W27" s="54"/>
      <c r="X27" s="54"/>
      <c r="Y27" s="54"/>
      <c r="Z27" s="54"/>
      <c r="AA27" s="54"/>
      <c r="AB27" s="54"/>
      <c r="AC27" s="54"/>
      <c r="AD27" s="54"/>
      <c r="AE27" s="54"/>
      <c r="AF27" s="54"/>
      <c r="AG27" s="54"/>
      <c r="AH27" s="54"/>
      <c r="AI27" s="54"/>
      <c r="AJ27" s="54"/>
      <c r="AK27" s="55"/>
    </row>
    <row r="28" spans="2:37" ht="14.25" customHeight="1">
      <c r="B28" s="76"/>
      <c r="C28" s="71" t="s">
        <v>23</v>
      </c>
      <c r="D28" s="71"/>
      <c r="E28" s="71"/>
      <c r="F28" s="71"/>
      <c r="G28" s="71"/>
      <c r="H28" s="71"/>
      <c r="I28" s="71"/>
      <c r="J28" s="71"/>
      <c r="K28" s="71"/>
      <c r="L28" s="71"/>
      <c r="M28" s="23" t="s">
        <v>24</v>
      </c>
      <c r="N28" s="24"/>
      <c r="O28" s="24"/>
      <c r="P28" s="24"/>
      <c r="Q28" s="25"/>
      <c r="R28" s="26"/>
      <c r="S28" s="27"/>
      <c r="T28" s="27"/>
      <c r="U28" s="27"/>
      <c r="V28" s="27"/>
      <c r="W28" s="27"/>
      <c r="X28" s="27"/>
      <c r="Y28" s="27"/>
      <c r="Z28" s="27"/>
      <c r="AA28" s="28"/>
      <c r="AB28" s="31" t="s">
        <v>25</v>
      </c>
      <c r="AC28" s="52"/>
      <c r="AD28" s="52"/>
      <c r="AE28" s="52"/>
      <c r="AF28" s="32"/>
      <c r="AG28" s="26"/>
      <c r="AH28" s="27"/>
      <c r="AI28" s="27"/>
      <c r="AJ28" s="27"/>
      <c r="AK28" s="28"/>
    </row>
    <row r="29" spans="2:37" ht="13.5" customHeight="1">
      <c r="B29" s="76"/>
      <c r="C29" s="78" t="s">
        <v>34</v>
      </c>
      <c r="D29" s="78"/>
      <c r="E29" s="78"/>
      <c r="F29" s="78"/>
      <c r="G29" s="78"/>
      <c r="H29" s="78"/>
      <c r="I29" s="78"/>
      <c r="J29" s="78"/>
      <c r="K29" s="78"/>
      <c r="L29" s="78"/>
      <c r="M29" s="31" t="s">
        <v>16</v>
      </c>
      <c r="N29" s="52"/>
      <c r="O29" s="52"/>
      <c r="P29" s="52"/>
      <c r="Q29" s="52"/>
      <c r="R29" s="52"/>
      <c r="S29" s="52"/>
      <c r="T29" s="4" t="s">
        <v>17</v>
      </c>
      <c r="U29" s="52"/>
      <c r="V29" s="52"/>
      <c r="W29" s="52"/>
      <c r="X29" s="4" t="s">
        <v>18</v>
      </c>
      <c r="Y29" s="52"/>
      <c r="Z29" s="52"/>
      <c r="AA29" s="52"/>
      <c r="AB29" s="52"/>
      <c r="AC29" s="52"/>
      <c r="AD29" s="52"/>
      <c r="AE29" s="52"/>
      <c r="AF29" s="52"/>
      <c r="AG29" s="52"/>
      <c r="AH29" s="52"/>
      <c r="AI29" s="52"/>
      <c r="AJ29" s="52"/>
      <c r="AK29" s="32"/>
    </row>
    <row r="30" spans="2:37" ht="14.25" customHeight="1">
      <c r="B30" s="76"/>
      <c r="C30" s="78"/>
      <c r="D30" s="78"/>
      <c r="E30" s="78"/>
      <c r="F30" s="78"/>
      <c r="G30" s="78"/>
      <c r="H30" s="78"/>
      <c r="I30" s="78"/>
      <c r="J30" s="78"/>
      <c r="K30" s="78"/>
      <c r="L30" s="78"/>
      <c r="M30" s="59" t="s">
        <v>19</v>
      </c>
      <c r="N30" s="60"/>
      <c r="O30" s="60"/>
      <c r="P30" s="60"/>
      <c r="Q30" s="5" t="s">
        <v>20</v>
      </c>
      <c r="R30" s="60"/>
      <c r="S30" s="60"/>
      <c r="T30" s="60"/>
      <c r="U30" s="60"/>
      <c r="V30" s="60" t="s">
        <v>21</v>
      </c>
      <c r="W30" s="60"/>
      <c r="X30" s="60"/>
      <c r="Y30" s="60"/>
      <c r="Z30" s="60"/>
      <c r="AA30" s="60"/>
      <c r="AB30" s="60"/>
      <c r="AC30" s="60"/>
      <c r="AD30" s="60"/>
      <c r="AE30" s="60"/>
      <c r="AF30" s="60"/>
      <c r="AG30" s="60"/>
      <c r="AH30" s="60"/>
      <c r="AI30" s="60"/>
      <c r="AJ30" s="60"/>
      <c r="AK30" s="61"/>
    </row>
    <row r="31" spans="2:37">
      <c r="B31" s="76"/>
      <c r="C31" s="78"/>
      <c r="D31" s="78"/>
      <c r="E31" s="78"/>
      <c r="F31" s="78"/>
      <c r="G31" s="78"/>
      <c r="H31" s="78"/>
      <c r="I31" s="78"/>
      <c r="J31" s="78"/>
      <c r="K31" s="78"/>
      <c r="L31" s="78"/>
      <c r="M31" s="53"/>
      <c r="N31" s="54"/>
      <c r="O31" s="54"/>
      <c r="P31" s="54"/>
      <c r="Q31" s="54"/>
      <c r="R31" s="54"/>
      <c r="S31" s="54"/>
      <c r="T31" s="54"/>
      <c r="U31" s="54"/>
      <c r="V31" s="54"/>
      <c r="W31" s="54"/>
      <c r="X31" s="54"/>
      <c r="Y31" s="54"/>
      <c r="Z31" s="54"/>
      <c r="AA31" s="54"/>
      <c r="AB31" s="54"/>
      <c r="AC31" s="54"/>
      <c r="AD31" s="54"/>
      <c r="AE31" s="54"/>
      <c r="AF31" s="54"/>
      <c r="AG31" s="54"/>
      <c r="AH31" s="54"/>
      <c r="AI31" s="54"/>
      <c r="AJ31" s="54"/>
      <c r="AK31" s="55"/>
    </row>
    <row r="32" spans="2:37" ht="14.25" customHeight="1">
      <c r="B32" s="76"/>
      <c r="C32" s="71" t="s">
        <v>23</v>
      </c>
      <c r="D32" s="71"/>
      <c r="E32" s="71"/>
      <c r="F32" s="71"/>
      <c r="G32" s="71"/>
      <c r="H32" s="71"/>
      <c r="I32" s="71"/>
      <c r="J32" s="71"/>
      <c r="K32" s="71"/>
      <c r="L32" s="71"/>
      <c r="M32" s="23" t="s">
        <v>24</v>
      </c>
      <c r="N32" s="24"/>
      <c r="O32" s="24"/>
      <c r="P32" s="24"/>
      <c r="Q32" s="25"/>
      <c r="R32" s="26"/>
      <c r="S32" s="27"/>
      <c r="T32" s="27"/>
      <c r="U32" s="27"/>
      <c r="V32" s="27"/>
      <c r="W32" s="27"/>
      <c r="X32" s="27"/>
      <c r="Y32" s="27"/>
      <c r="Z32" s="27"/>
      <c r="AA32" s="28"/>
      <c r="AB32" s="31" t="s">
        <v>25</v>
      </c>
      <c r="AC32" s="52"/>
      <c r="AD32" s="52"/>
      <c r="AE32" s="52"/>
      <c r="AF32" s="32"/>
      <c r="AG32" s="26"/>
      <c r="AH32" s="27"/>
      <c r="AI32" s="27"/>
      <c r="AJ32" s="27"/>
      <c r="AK32" s="28"/>
    </row>
    <row r="33" spans="1:37" ht="14.25" customHeight="1">
      <c r="B33" s="76"/>
      <c r="C33" s="71" t="s">
        <v>35</v>
      </c>
      <c r="D33" s="71"/>
      <c r="E33" s="71"/>
      <c r="F33" s="71"/>
      <c r="G33" s="71"/>
      <c r="H33" s="71"/>
      <c r="I33" s="71"/>
      <c r="J33" s="71"/>
      <c r="K33" s="71"/>
      <c r="L33" s="71"/>
      <c r="M33" s="62"/>
      <c r="N33" s="62"/>
      <c r="O33" s="62"/>
      <c r="P33" s="62"/>
      <c r="Q33" s="62"/>
      <c r="R33" s="62"/>
      <c r="S33" s="62"/>
      <c r="T33" s="62"/>
      <c r="U33" s="62"/>
      <c r="V33" s="62"/>
      <c r="W33" s="62"/>
      <c r="X33" s="62"/>
      <c r="Y33" s="62"/>
      <c r="Z33" s="62"/>
      <c r="AA33" s="62"/>
      <c r="AB33" s="62"/>
      <c r="AC33" s="62"/>
      <c r="AD33" s="62"/>
      <c r="AE33" s="62"/>
      <c r="AF33" s="62"/>
      <c r="AG33" s="62"/>
      <c r="AH33" s="62"/>
      <c r="AI33" s="62"/>
      <c r="AJ33" s="62"/>
      <c r="AK33" s="62"/>
    </row>
    <row r="34" spans="1:37" ht="13.5" customHeight="1">
      <c r="B34" s="76"/>
      <c r="C34" s="71" t="s">
        <v>36</v>
      </c>
      <c r="D34" s="71"/>
      <c r="E34" s="71"/>
      <c r="F34" s="71"/>
      <c r="G34" s="71"/>
      <c r="H34" s="71"/>
      <c r="I34" s="71"/>
      <c r="J34" s="71"/>
      <c r="K34" s="71"/>
      <c r="L34" s="71"/>
      <c r="M34" s="31" t="s">
        <v>16</v>
      </c>
      <c r="N34" s="52"/>
      <c r="O34" s="52"/>
      <c r="P34" s="52"/>
      <c r="Q34" s="52"/>
      <c r="R34" s="52"/>
      <c r="S34" s="52"/>
      <c r="T34" s="4" t="s">
        <v>17</v>
      </c>
      <c r="U34" s="52"/>
      <c r="V34" s="52"/>
      <c r="W34" s="52"/>
      <c r="X34" s="4" t="s">
        <v>18</v>
      </c>
      <c r="Y34" s="52"/>
      <c r="Z34" s="52"/>
      <c r="AA34" s="52"/>
      <c r="AB34" s="52"/>
      <c r="AC34" s="52"/>
      <c r="AD34" s="52"/>
      <c r="AE34" s="52"/>
      <c r="AF34" s="52"/>
      <c r="AG34" s="52"/>
      <c r="AH34" s="52"/>
      <c r="AI34" s="52"/>
      <c r="AJ34" s="52"/>
      <c r="AK34" s="32"/>
    </row>
    <row r="35" spans="1:37" ht="14.25" customHeight="1">
      <c r="B35" s="76"/>
      <c r="C35" s="71"/>
      <c r="D35" s="71"/>
      <c r="E35" s="71"/>
      <c r="F35" s="71"/>
      <c r="G35" s="71"/>
      <c r="H35" s="71"/>
      <c r="I35" s="71"/>
      <c r="J35" s="71"/>
      <c r="K35" s="71"/>
      <c r="L35" s="71"/>
      <c r="M35" s="59" t="s">
        <v>19</v>
      </c>
      <c r="N35" s="60"/>
      <c r="O35" s="60"/>
      <c r="P35" s="60"/>
      <c r="Q35" s="5" t="s">
        <v>20</v>
      </c>
      <c r="R35" s="60"/>
      <c r="S35" s="60"/>
      <c r="T35" s="60"/>
      <c r="U35" s="60"/>
      <c r="V35" s="60" t="s">
        <v>21</v>
      </c>
      <c r="W35" s="60"/>
      <c r="X35" s="60"/>
      <c r="Y35" s="60"/>
      <c r="Z35" s="60"/>
      <c r="AA35" s="60"/>
      <c r="AB35" s="60"/>
      <c r="AC35" s="60"/>
      <c r="AD35" s="60"/>
      <c r="AE35" s="60"/>
      <c r="AF35" s="60"/>
      <c r="AG35" s="60"/>
      <c r="AH35" s="60"/>
      <c r="AI35" s="60"/>
      <c r="AJ35" s="60"/>
      <c r="AK35" s="61"/>
    </row>
    <row r="36" spans="1:37">
      <c r="B36" s="77"/>
      <c r="C36" s="71"/>
      <c r="D36" s="71"/>
      <c r="E36" s="71"/>
      <c r="F36" s="71"/>
      <c r="G36" s="71"/>
      <c r="H36" s="71"/>
      <c r="I36" s="71"/>
      <c r="J36" s="71"/>
      <c r="K36" s="71"/>
      <c r="L36" s="71"/>
      <c r="M36" s="53"/>
      <c r="N36" s="54"/>
      <c r="O36" s="54"/>
      <c r="P36" s="54"/>
      <c r="Q36" s="54"/>
      <c r="R36" s="54"/>
      <c r="S36" s="54"/>
      <c r="T36" s="54"/>
      <c r="U36" s="54"/>
      <c r="V36" s="54"/>
      <c r="W36" s="54"/>
      <c r="X36" s="54"/>
      <c r="Y36" s="54"/>
      <c r="Z36" s="54"/>
      <c r="AA36" s="54"/>
      <c r="AB36" s="54"/>
      <c r="AC36" s="54"/>
      <c r="AD36" s="54"/>
      <c r="AE36" s="54"/>
      <c r="AF36" s="54"/>
      <c r="AG36" s="54"/>
      <c r="AH36" s="54"/>
      <c r="AI36" s="54"/>
      <c r="AJ36" s="54"/>
      <c r="AK36" s="55"/>
    </row>
    <row r="37" spans="1:37" ht="13.5" customHeight="1">
      <c r="B37" s="131" t="s">
        <v>37</v>
      </c>
      <c r="C37" s="97" t="s">
        <v>38</v>
      </c>
      <c r="D37" s="97"/>
      <c r="E37" s="97"/>
      <c r="F37" s="97"/>
      <c r="G37" s="97"/>
      <c r="H37" s="97"/>
      <c r="I37" s="97"/>
      <c r="J37" s="97"/>
      <c r="K37" s="97"/>
      <c r="L37" s="97"/>
      <c r="M37" s="97"/>
      <c r="N37" s="97"/>
      <c r="O37" s="98" t="s">
        <v>39</v>
      </c>
      <c r="P37" s="99"/>
      <c r="Q37" s="97" t="s">
        <v>40</v>
      </c>
      <c r="R37" s="97"/>
      <c r="S37" s="97"/>
      <c r="T37" s="97"/>
      <c r="U37" s="80"/>
      <c r="V37" s="101" t="s">
        <v>41</v>
      </c>
      <c r="W37" s="102"/>
      <c r="X37" s="102"/>
      <c r="Y37" s="102"/>
      <c r="Z37" s="102"/>
      <c r="AA37" s="102"/>
      <c r="AB37" s="102"/>
      <c r="AC37" s="102"/>
      <c r="AD37" s="103"/>
      <c r="AE37" s="79" t="s">
        <v>42</v>
      </c>
      <c r="AF37" s="97"/>
      <c r="AG37" s="97"/>
      <c r="AH37" s="97"/>
      <c r="AI37" s="97"/>
      <c r="AJ37" s="79" t="s">
        <v>43</v>
      </c>
      <c r="AK37" s="80"/>
    </row>
    <row r="38" spans="1:37" ht="14.25" customHeight="1">
      <c r="B38" s="132"/>
      <c r="C38" s="81"/>
      <c r="D38" s="81"/>
      <c r="E38" s="81"/>
      <c r="F38" s="81"/>
      <c r="G38" s="81"/>
      <c r="H38" s="81"/>
      <c r="I38" s="81"/>
      <c r="J38" s="81"/>
      <c r="K38" s="81"/>
      <c r="L38" s="81"/>
      <c r="M38" s="81"/>
      <c r="N38" s="81"/>
      <c r="O38" s="100"/>
      <c r="P38" s="95"/>
      <c r="Q38" s="81" t="s">
        <v>44</v>
      </c>
      <c r="R38" s="81"/>
      <c r="S38" s="81"/>
      <c r="T38" s="81"/>
      <c r="U38" s="82"/>
      <c r="V38" s="83"/>
      <c r="W38" s="84"/>
      <c r="X38" s="84"/>
      <c r="Y38" s="84"/>
      <c r="Z38" s="84"/>
      <c r="AA38" s="84"/>
      <c r="AB38" s="84"/>
      <c r="AC38" s="84"/>
      <c r="AD38" s="85"/>
      <c r="AE38" s="86" t="s">
        <v>44</v>
      </c>
      <c r="AF38" s="81"/>
      <c r="AG38" s="87"/>
      <c r="AH38" s="87"/>
      <c r="AI38" s="87"/>
      <c r="AJ38" s="88" t="s">
        <v>45</v>
      </c>
      <c r="AK38" s="89"/>
    </row>
    <row r="39" spans="1:37" ht="30.75" customHeight="1">
      <c r="A39" s="7"/>
      <c r="B39" s="133"/>
      <c r="C39" s="75"/>
      <c r="D39" s="8"/>
      <c r="E39" s="81" t="s">
        <v>46</v>
      </c>
      <c r="F39" s="81"/>
      <c r="G39" s="81"/>
      <c r="H39" s="81"/>
      <c r="I39" s="81"/>
      <c r="J39" s="81"/>
      <c r="K39" s="81"/>
      <c r="L39" s="81"/>
      <c r="M39" s="81"/>
      <c r="N39" s="90"/>
      <c r="O39" s="91"/>
      <c r="P39" s="92"/>
      <c r="Q39" s="93"/>
      <c r="R39" s="94"/>
      <c r="S39" s="94"/>
      <c r="T39" s="94"/>
      <c r="U39" s="95"/>
      <c r="V39" s="9" t="s">
        <v>47</v>
      </c>
      <c r="W39" s="96" t="s">
        <v>48</v>
      </c>
      <c r="X39" s="96"/>
      <c r="Y39" s="10" t="s">
        <v>47</v>
      </c>
      <c r="Z39" s="96" t="s">
        <v>49</v>
      </c>
      <c r="AA39" s="96"/>
      <c r="AB39" s="10" t="s">
        <v>47</v>
      </c>
      <c r="AC39" s="96" t="s">
        <v>50</v>
      </c>
      <c r="AD39" s="104"/>
      <c r="AE39" s="105"/>
      <c r="AF39" s="106"/>
      <c r="AG39" s="27"/>
      <c r="AH39" s="27"/>
      <c r="AI39" s="28"/>
      <c r="AJ39" s="68"/>
      <c r="AK39" s="70"/>
    </row>
    <row r="40" spans="1:37" ht="30.75" customHeight="1">
      <c r="B40" s="133"/>
      <c r="C40" s="76"/>
      <c r="D40" s="11"/>
      <c r="E40" s="107" t="s">
        <v>51</v>
      </c>
      <c r="F40" s="108"/>
      <c r="G40" s="108"/>
      <c r="H40" s="108"/>
      <c r="I40" s="108"/>
      <c r="J40" s="108"/>
      <c r="K40" s="108"/>
      <c r="L40" s="108"/>
      <c r="M40" s="108"/>
      <c r="N40" s="109"/>
      <c r="O40" s="110"/>
      <c r="P40" s="111"/>
      <c r="Q40" s="112"/>
      <c r="R40" s="64"/>
      <c r="S40" s="64"/>
      <c r="T40" s="64"/>
      <c r="U40" s="65"/>
      <c r="V40" s="12" t="s">
        <v>47</v>
      </c>
      <c r="W40" s="113" t="s">
        <v>48</v>
      </c>
      <c r="X40" s="113"/>
      <c r="Y40" s="13" t="s">
        <v>47</v>
      </c>
      <c r="Z40" s="113" t="s">
        <v>49</v>
      </c>
      <c r="AA40" s="113"/>
      <c r="AB40" s="13" t="s">
        <v>47</v>
      </c>
      <c r="AC40" s="113" t="s">
        <v>50</v>
      </c>
      <c r="AD40" s="114"/>
      <c r="AE40" s="26"/>
      <c r="AF40" s="27"/>
      <c r="AG40" s="27"/>
      <c r="AH40" s="27"/>
      <c r="AI40" s="28"/>
      <c r="AJ40" s="68"/>
      <c r="AK40" s="70"/>
    </row>
    <row r="41" spans="1:37" ht="30.75" customHeight="1">
      <c r="B41" s="133"/>
      <c r="C41" s="76"/>
      <c r="D41" s="11"/>
      <c r="E41" s="107" t="s">
        <v>52</v>
      </c>
      <c r="F41" s="108"/>
      <c r="G41" s="108"/>
      <c r="H41" s="108"/>
      <c r="I41" s="108"/>
      <c r="J41" s="108"/>
      <c r="K41" s="108"/>
      <c r="L41" s="108"/>
      <c r="M41" s="108"/>
      <c r="N41" s="109"/>
      <c r="O41" s="110"/>
      <c r="P41" s="111"/>
      <c r="Q41" s="112"/>
      <c r="R41" s="64"/>
      <c r="S41" s="64"/>
      <c r="T41" s="64"/>
      <c r="U41" s="65"/>
      <c r="V41" s="12" t="s">
        <v>47</v>
      </c>
      <c r="W41" s="113" t="s">
        <v>48</v>
      </c>
      <c r="X41" s="113"/>
      <c r="Y41" s="13" t="s">
        <v>47</v>
      </c>
      <c r="Z41" s="113" t="s">
        <v>49</v>
      </c>
      <c r="AA41" s="113"/>
      <c r="AB41" s="13" t="s">
        <v>47</v>
      </c>
      <c r="AC41" s="113" t="s">
        <v>50</v>
      </c>
      <c r="AD41" s="114"/>
      <c r="AE41" s="26"/>
      <c r="AF41" s="27"/>
      <c r="AG41" s="27"/>
      <c r="AH41" s="27"/>
      <c r="AI41" s="28"/>
      <c r="AJ41" s="68"/>
      <c r="AK41" s="70"/>
    </row>
    <row r="42" spans="1:37" ht="30.75" customHeight="1">
      <c r="B42" s="133"/>
      <c r="C42" s="76"/>
      <c r="D42" s="11"/>
      <c r="E42" s="107" t="s">
        <v>53</v>
      </c>
      <c r="F42" s="108"/>
      <c r="G42" s="108"/>
      <c r="H42" s="108"/>
      <c r="I42" s="108"/>
      <c r="J42" s="108"/>
      <c r="K42" s="108"/>
      <c r="L42" s="108"/>
      <c r="M42" s="108"/>
      <c r="N42" s="109"/>
      <c r="O42" s="110"/>
      <c r="P42" s="111"/>
      <c r="Q42" s="112"/>
      <c r="R42" s="64"/>
      <c r="S42" s="64"/>
      <c r="T42" s="64"/>
      <c r="U42" s="65"/>
      <c r="V42" s="12" t="s">
        <v>47</v>
      </c>
      <c r="W42" s="113" t="s">
        <v>48</v>
      </c>
      <c r="X42" s="113"/>
      <c r="Y42" s="13" t="s">
        <v>47</v>
      </c>
      <c r="Z42" s="113" t="s">
        <v>49</v>
      </c>
      <c r="AA42" s="113"/>
      <c r="AB42" s="13" t="s">
        <v>47</v>
      </c>
      <c r="AC42" s="113" t="s">
        <v>50</v>
      </c>
      <c r="AD42" s="114"/>
      <c r="AE42" s="26"/>
      <c r="AF42" s="27"/>
      <c r="AG42" s="27"/>
      <c r="AH42" s="27"/>
      <c r="AI42" s="28"/>
      <c r="AJ42" s="68"/>
      <c r="AK42" s="70"/>
    </row>
    <row r="43" spans="1:37" ht="30.75" customHeight="1">
      <c r="B43" s="133"/>
      <c r="C43" s="76"/>
      <c r="D43" s="11"/>
      <c r="E43" s="107" t="s">
        <v>54</v>
      </c>
      <c r="F43" s="108"/>
      <c r="G43" s="108"/>
      <c r="H43" s="108"/>
      <c r="I43" s="108"/>
      <c r="J43" s="108"/>
      <c r="K43" s="108"/>
      <c r="L43" s="108"/>
      <c r="M43" s="108"/>
      <c r="N43" s="109"/>
      <c r="O43" s="110"/>
      <c r="P43" s="111"/>
      <c r="Q43" s="112"/>
      <c r="R43" s="64"/>
      <c r="S43" s="64"/>
      <c r="T43" s="64"/>
      <c r="U43" s="65"/>
      <c r="V43" s="12" t="s">
        <v>47</v>
      </c>
      <c r="W43" s="113" t="s">
        <v>48</v>
      </c>
      <c r="X43" s="113"/>
      <c r="Y43" s="13" t="s">
        <v>47</v>
      </c>
      <c r="Z43" s="113" t="s">
        <v>49</v>
      </c>
      <c r="AA43" s="113"/>
      <c r="AB43" s="13" t="s">
        <v>47</v>
      </c>
      <c r="AC43" s="113" t="s">
        <v>50</v>
      </c>
      <c r="AD43" s="114"/>
      <c r="AE43" s="26"/>
      <c r="AF43" s="27"/>
      <c r="AG43" s="27"/>
      <c r="AH43" s="27"/>
      <c r="AI43" s="28"/>
      <c r="AJ43" s="68"/>
      <c r="AK43" s="70"/>
    </row>
    <row r="44" spans="1:37" ht="30.75" customHeight="1">
      <c r="B44" s="133"/>
      <c r="C44" s="76"/>
      <c r="D44" s="11"/>
      <c r="E44" s="107" t="s">
        <v>55</v>
      </c>
      <c r="F44" s="108"/>
      <c r="G44" s="108"/>
      <c r="H44" s="108"/>
      <c r="I44" s="108"/>
      <c r="J44" s="108"/>
      <c r="K44" s="108"/>
      <c r="L44" s="108"/>
      <c r="M44" s="108"/>
      <c r="N44" s="109"/>
      <c r="O44" s="110"/>
      <c r="P44" s="111"/>
      <c r="Q44" s="112"/>
      <c r="R44" s="64"/>
      <c r="S44" s="64"/>
      <c r="T44" s="64"/>
      <c r="U44" s="65"/>
      <c r="V44" s="12" t="s">
        <v>47</v>
      </c>
      <c r="W44" s="113" t="s">
        <v>48</v>
      </c>
      <c r="X44" s="113"/>
      <c r="Y44" s="13" t="s">
        <v>47</v>
      </c>
      <c r="Z44" s="113" t="s">
        <v>49</v>
      </c>
      <c r="AA44" s="113"/>
      <c r="AB44" s="13" t="s">
        <v>47</v>
      </c>
      <c r="AC44" s="113" t="s">
        <v>50</v>
      </c>
      <c r="AD44" s="114"/>
      <c r="AE44" s="26"/>
      <c r="AF44" s="27"/>
      <c r="AG44" s="27"/>
      <c r="AH44" s="27"/>
      <c r="AI44" s="28"/>
      <c r="AJ44" s="68"/>
      <c r="AK44" s="70"/>
    </row>
    <row r="45" spans="1:37" ht="30.75" customHeight="1">
      <c r="B45" s="133"/>
      <c r="C45" s="77"/>
      <c r="D45" s="11"/>
      <c r="E45" s="121" t="s">
        <v>56</v>
      </c>
      <c r="F45" s="122"/>
      <c r="G45" s="122"/>
      <c r="H45" s="122"/>
      <c r="I45" s="122"/>
      <c r="J45" s="122"/>
      <c r="K45" s="122"/>
      <c r="L45" s="122"/>
      <c r="M45" s="122"/>
      <c r="N45" s="123"/>
      <c r="O45" s="124"/>
      <c r="P45" s="125"/>
      <c r="Q45" s="126"/>
      <c r="R45" s="127"/>
      <c r="S45" s="127"/>
      <c r="T45" s="127"/>
      <c r="U45" s="128"/>
      <c r="V45" s="19" t="s">
        <v>47</v>
      </c>
      <c r="W45" s="129" t="s">
        <v>48</v>
      </c>
      <c r="X45" s="129"/>
      <c r="Y45" s="20" t="s">
        <v>47</v>
      </c>
      <c r="Z45" s="129" t="s">
        <v>49</v>
      </c>
      <c r="AA45" s="129"/>
      <c r="AB45" s="20" t="s">
        <v>47</v>
      </c>
      <c r="AC45" s="129" t="s">
        <v>50</v>
      </c>
      <c r="AD45" s="130"/>
      <c r="AE45" s="26"/>
      <c r="AF45" s="27"/>
      <c r="AG45" s="27"/>
      <c r="AH45" s="27"/>
      <c r="AI45" s="28"/>
      <c r="AJ45" s="68"/>
      <c r="AK45" s="70"/>
    </row>
    <row r="46" spans="1:37" ht="14.25" customHeight="1">
      <c r="B46" s="115" t="s">
        <v>57</v>
      </c>
      <c r="C46" s="107"/>
      <c r="D46" s="107"/>
      <c r="E46" s="107"/>
      <c r="F46" s="107"/>
      <c r="G46" s="107"/>
      <c r="H46" s="107"/>
      <c r="I46" s="107"/>
      <c r="J46" s="107"/>
      <c r="K46" s="107"/>
      <c r="L46" s="116"/>
      <c r="M46" s="14"/>
      <c r="N46" s="15"/>
      <c r="O46" s="15"/>
      <c r="P46" s="15"/>
      <c r="Q46" s="15"/>
      <c r="R46" s="16"/>
      <c r="S46" s="16"/>
      <c r="T46" s="16"/>
      <c r="U46" s="16"/>
      <c r="V46" s="17"/>
      <c r="W46" s="117"/>
      <c r="X46" s="117"/>
      <c r="Y46" s="117"/>
      <c r="Z46" s="117"/>
      <c r="AA46" s="117"/>
      <c r="AB46" s="117"/>
      <c r="AC46" s="117"/>
      <c r="AD46" s="117"/>
      <c r="AE46" s="117"/>
      <c r="AF46" s="117"/>
      <c r="AG46" s="117"/>
      <c r="AH46" s="117"/>
      <c r="AI46" s="117"/>
      <c r="AJ46" s="117"/>
      <c r="AK46" s="117"/>
    </row>
    <row r="47" spans="1:37" ht="14.25" customHeight="1">
      <c r="B47" s="33" t="s">
        <v>58</v>
      </c>
      <c r="C47" s="63" t="s">
        <v>59</v>
      </c>
      <c r="D47" s="64"/>
      <c r="E47" s="64"/>
      <c r="F47" s="64"/>
      <c r="G47" s="64"/>
      <c r="H47" s="64"/>
      <c r="I47" s="64"/>
      <c r="J47" s="64"/>
      <c r="K47" s="64"/>
      <c r="L47" s="64"/>
      <c r="M47" s="64"/>
      <c r="N47" s="64"/>
      <c r="O47" s="64"/>
      <c r="P47" s="64"/>
      <c r="Q47" s="64"/>
      <c r="R47" s="64"/>
      <c r="S47" s="64"/>
      <c r="T47" s="64"/>
      <c r="U47" s="65"/>
      <c r="V47" s="63" t="s">
        <v>60</v>
      </c>
      <c r="W47" s="64"/>
      <c r="X47" s="64"/>
      <c r="Y47" s="64"/>
      <c r="Z47" s="64"/>
      <c r="AA47" s="64"/>
      <c r="AB47" s="64"/>
      <c r="AC47" s="64"/>
      <c r="AD47" s="64"/>
      <c r="AE47" s="64"/>
      <c r="AF47" s="64"/>
      <c r="AG47" s="64"/>
      <c r="AH47" s="64"/>
      <c r="AI47" s="64"/>
      <c r="AJ47" s="64"/>
      <c r="AK47" s="65"/>
    </row>
    <row r="48" spans="1:37">
      <c r="B48" s="34"/>
      <c r="C48" s="101"/>
      <c r="D48" s="102"/>
      <c r="E48" s="102"/>
      <c r="F48" s="102"/>
      <c r="G48" s="102"/>
      <c r="H48" s="102"/>
      <c r="I48" s="102"/>
      <c r="J48" s="102"/>
      <c r="K48" s="102"/>
      <c r="L48" s="102"/>
      <c r="M48" s="102"/>
      <c r="N48" s="102"/>
      <c r="O48" s="102"/>
      <c r="P48" s="102"/>
      <c r="Q48" s="102"/>
      <c r="R48" s="102"/>
      <c r="S48" s="102"/>
      <c r="T48" s="102"/>
      <c r="U48" s="103"/>
      <c r="V48" s="101"/>
      <c r="W48" s="102"/>
      <c r="X48" s="102"/>
      <c r="Y48" s="102"/>
      <c r="Z48" s="102"/>
      <c r="AA48" s="102"/>
      <c r="AB48" s="102"/>
      <c r="AC48" s="102"/>
      <c r="AD48" s="102"/>
      <c r="AE48" s="102"/>
      <c r="AF48" s="102"/>
      <c r="AG48" s="102"/>
      <c r="AH48" s="102"/>
      <c r="AI48" s="102"/>
      <c r="AJ48" s="102"/>
      <c r="AK48" s="103"/>
    </row>
    <row r="49" spans="2:37">
      <c r="B49" s="34"/>
      <c r="C49" s="118"/>
      <c r="D49" s="119"/>
      <c r="E49" s="119"/>
      <c r="F49" s="119"/>
      <c r="G49" s="119"/>
      <c r="H49" s="119"/>
      <c r="I49" s="119"/>
      <c r="J49" s="119"/>
      <c r="K49" s="119"/>
      <c r="L49" s="119"/>
      <c r="M49" s="119"/>
      <c r="N49" s="119"/>
      <c r="O49" s="119"/>
      <c r="P49" s="119"/>
      <c r="Q49" s="119"/>
      <c r="R49" s="119"/>
      <c r="S49" s="119"/>
      <c r="T49" s="119"/>
      <c r="U49" s="120"/>
      <c r="V49" s="118"/>
      <c r="W49" s="119"/>
      <c r="X49" s="119"/>
      <c r="Y49" s="119"/>
      <c r="Z49" s="119"/>
      <c r="AA49" s="119"/>
      <c r="AB49" s="119"/>
      <c r="AC49" s="119"/>
      <c r="AD49" s="119"/>
      <c r="AE49" s="119"/>
      <c r="AF49" s="119"/>
      <c r="AG49" s="119"/>
      <c r="AH49" s="119"/>
      <c r="AI49" s="119"/>
      <c r="AJ49" s="119"/>
      <c r="AK49" s="120"/>
    </row>
    <row r="50" spans="2:37">
      <c r="B50" s="34"/>
      <c r="C50" s="118"/>
      <c r="D50" s="119"/>
      <c r="E50" s="119"/>
      <c r="F50" s="119"/>
      <c r="G50" s="119"/>
      <c r="H50" s="119"/>
      <c r="I50" s="119"/>
      <c r="J50" s="119"/>
      <c r="K50" s="119"/>
      <c r="L50" s="119"/>
      <c r="M50" s="119"/>
      <c r="N50" s="119"/>
      <c r="O50" s="119"/>
      <c r="P50" s="119"/>
      <c r="Q50" s="119"/>
      <c r="R50" s="119"/>
      <c r="S50" s="119"/>
      <c r="T50" s="119"/>
      <c r="U50" s="120"/>
      <c r="V50" s="118"/>
      <c r="W50" s="119"/>
      <c r="X50" s="119"/>
      <c r="Y50" s="119"/>
      <c r="Z50" s="119"/>
      <c r="AA50" s="119"/>
      <c r="AB50" s="119"/>
      <c r="AC50" s="119"/>
      <c r="AD50" s="119"/>
      <c r="AE50" s="119"/>
      <c r="AF50" s="119"/>
      <c r="AG50" s="119"/>
      <c r="AH50" s="119"/>
      <c r="AI50" s="119"/>
      <c r="AJ50" s="119"/>
      <c r="AK50" s="120"/>
    </row>
    <row r="51" spans="2:37">
      <c r="B51" s="35"/>
      <c r="C51" s="83"/>
      <c r="D51" s="84"/>
      <c r="E51" s="84"/>
      <c r="F51" s="84"/>
      <c r="G51" s="84"/>
      <c r="H51" s="84"/>
      <c r="I51" s="84"/>
      <c r="J51" s="84"/>
      <c r="K51" s="84"/>
      <c r="L51" s="84"/>
      <c r="M51" s="84"/>
      <c r="N51" s="84"/>
      <c r="O51" s="84"/>
      <c r="P51" s="84"/>
      <c r="Q51" s="84"/>
      <c r="R51" s="84"/>
      <c r="S51" s="84"/>
      <c r="T51" s="84"/>
      <c r="U51" s="85"/>
      <c r="V51" s="83"/>
      <c r="W51" s="84"/>
      <c r="X51" s="84"/>
      <c r="Y51" s="84"/>
      <c r="Z51" s="84"/>
      <c r="AA51" s="84"/>
      <c r="AB51" s="84"/>
      <c r="AC51" s="84"/>
      <c r="AD51" s="84"/>
      <c r="AE51" s="84"/>
      <c r="AF51" s="84"/>
      <c r="AG51" s="84"/>
      <c r="AH51" s="84"/>
      <c r="AI51" s="84"/>
      <c r="AJ51" s="84"/>
      <c r="AK51" s="85"/>
    </row>
    <row r="52" spans="2:37" ht="14.25" customHeight="1">
      <c r="B52" s="23" t="s">
        <v>61</v>
      </c>
      <c r="C52" s="24"/>
      <c r="D52" s="24"/>
      <c r="E52" s="24"/>
      <c r="F52" s="25"/>
      <c r="G52" s="62" t="s">
        <v>62</v>
      </c>
      <c r="H52" s="62"/>
      <c r="I52" s="62"/>
      <c r="J52" s="62"/>
      <c r="K52" s="62"/>
      <c r="L52" s="62"/>
      <c r="M52" s="62"/>
      <c r="N52" s="62"/>
      <c r="O52" s="62"/>
      <c r="P52" s="62"/>
      <c r="Q52" s="62"/>
      <c r="R52" s="62"/>
      <c r="S52" s="62"/>
      <c r="T52" s="62"/>
      <c r="U52" s="62"/>
      <c r="V52" s="62"/>
      <c r="W52" s="62"/>
      <c r="X52" s="62"/>
      <c r="Y52" s="62"/>
      <c r="Z52" s="62"/>
      <c r="AA52" s="62"/>
      <c r="AB52" s="62"/>
      <c r="AC52" s="62"/>
      <c r="AD52" s="62"/>
      <c r="AE52" s="62"/>
      <c r="AF52" s="62"/>
      <c r="AG52" s="62"/>
      <c r="AH52" s="62"/>
      <c r="AI52" s="62"/>
      <c r="AJ52" s="62"/>
      <c r="AK52" s="62"/>
    </row>
    <row r="54" spans="2:37">
      <c r="B54" s="18" t="s">
        <v>63</v>
      </c>
    </row>
    <row r="55" spans="2:37">
      <c r="B55" s="18" t="s">
        <v>64</v>
      </c>
    </row>
    <row r="56" spans="2:37">
      <c r="B56" s="18" t="s">
        <v>65</v>
      </c>
    </row>
    <row r="57" spans="2:37">
      <c r="B57" s="18" t="s">
        <v>66</v>
      </c>
    </row>
    <row r="58" spans="2:37">
      <c r="B58" s="18" t="s">
        <v>67</v>
      </c>
    </row>
    <row r="59" spans="2:37">
      <c r="B59" s="18" t="s">
        <v>68</v>
      </c>
    </row>
    <row r="60" spans="2:37">
      <c r="B60" s="18" t="s">
        <v>69</v>
      </c>
    </row>
    <row r="61" spans="2:37">
      <c r="B61" s="18" t="s">
        <v>70</v>
      </c>
    </row>
    <row r="62" spans="2:37">
      <c r="B62" s="18" t="s">
        <v>71</v>
      </c>
    </row>
    <row r="63" spans="2:37">
      <c r="B63" s="18" t="s">
        <v>72</v>
      </c>
    </row>
    <row r="64" spans="2:37">
      <c r="B64" s="18" t="s">
        <v>73</v>
      </c>
    </row>
  </sheetData>
  <mergeCells count="174">
    <mergeCell ref="B52:F52"/>
    <mergeCell ref="G52:AK52"/>
    <mergeCell ref="AE45:AI45"/>
    <mergeCell ref="AJ45:AK45"/>
    <mergeCell ref="B46:L46"/>
    <mergeCell ref="W46:AK46"/>
    <mergeCell ref="B47:B51"/>
    <mergeCell ref="C47:U47"/>
    <mergeCell ref="V47:AK47"/>
    <mergeCell ref="C48:U51"/>
    <mergeCell ref="V48:AK51"/>
    <mergeCell ref="E45:N45"/>
    <mergeCell ref="O45:P45"/>
    <mergeCell ref="Q45:U45"/>
    <mergeCell ref="W45:X45"/>
    <mergeCell ref="Z45:AA45"/>
    <mergeCell ref="AC45:AD45"/>
    <mergeCell ref="B37:B45"/>
    <mergeCell ref="AE43:AI43"/>
    <mergeCell ref="AJ43:AK43"/>
    <mergeCell ref="E44:N44"/>
    <mergeCell ref="O44:P44"/>
    <mergeCell ref="Q44:U44"/>
    <mergeCell ref="W44:X44"/>
    <mergeCell ref="Z44:AA44"/>
    <mergeCell ref="AC44:AD44"/>
    <mergeCell ref="AE44:AI44"/>
    <mergeCell ref="AJ44:AK44"/>
    <mergeCell ref="E43:N43"/>
    <mergeCell ref="O43:P43"/>
    <mergeCell ref="Q43:U43"/>
    <mergeCell ref="W43:X43"/>
    <mergeCell ref="Z43:AA43"/>
    <mergeCell ref="AC43:AD43"/>
    <mergeCell ref="Z40:AA40"/>
    <mergeCell ref="AC40:AD40"/>
    <mergeCell ref="AE40:AI40"/>
    <mergeCell ref="AJ40:AK40"/>
    <mergeCell ref="AJ41:AK41"/>
    <mergeCell ref="E42:N42"/>
    <mergeCell ref="O42:P42"/>
    <mergeCell ref="Q42:U42"/>
    <mergeCell ref="W42:X42"/>
    <mergeCell ref="Z42:AA42"/>
    <mergeCell ref="AC42:AD42"/>
    <mergeCell ref="AE42:AI42"/>
    <mergeCell ref="AJ42:AK42"/>
    <mergeCell ref="O41:P41"/>
    <mergeCell ref="Q41:U41"/>
    <mergeCell ref="W41:X41"/>
    <mergeCell ref="Z41:AA41"/>
    <mergeCell ref="AC41:AD41"/>
    <mergeCell ref="AE41:AI41"/>
    <mergeCell ref="AJ37:AK37"/>
    <mergeCell ref="Q38:U38"/>
    <mergeCell ref="V38:AD38"/>
    <mergeCell ref="AE38:AI38"/>
    <mergeCell ref="AJ38:AK38"/>
    <mergeCell ref="C39:C45"/>
    <mergeCell ref="E39:N39"/>
    <mergeCell ref="O39:P39"/>
    <mergeCell ref="Q39:U39"/>
    <mergeCell ref="W39:X39"/>
    <mergeCell ref="C37:N38"/>
    <mergeCell ref="O37:P38"/>
    <mergeCell ref="Q37:U37"/>
    <mergeCell ref="V37:AD37"/>
    <mergeCell ref="AE37:AI37"/>
    <mergeCell ref="Z39:AA39"/>
    <mergeCell ref="AC39:AD39"/>
    <mergeCell ref="AE39:AI39"/>
    <mergeCell ref="E41:N41"/>
    <mergeCell ref="AJ39:AK39"/>
    <mergeCell ref="E40:N40"/>
    <mergeCell ref="O40:P40"/>
    <mergeCell ref="Q40:U40"/>
    <mergeCell ref="W40:X40"/>
    <mergeCell ref="C34:L36"/>
    <mergeCell ref="M34:P34"/>
    <mergeCell ref="Q34:S34"/>
    <mergeCell ref="U34:W34"/>
    <mergeCell ref="Y34:AK34"/>
    <mergeCell ref="M35:P35"/>
    <mergeCell ref="R35:U35"/>
    <mergeCell ref="V35:W35"/>
    <mergeCell ref="X35:AK35"/>
    <mergeCell ref="M36:AK36"/>
    <mergeCell ref="M29:P29"/>
    <mergeCell ref="Q29:S29"/>
    <mergeCell ref="U29:W29"/>
    <mergeCell ref="Y29:AK29"/>
    <mergeCell ref="M30:P30"/>
    <mergeCell ref="R30:U30"/>
    <mergeCell ref="V30:W30"/>
    <mergeCell ref="X30:AK30"/>
    <mergeCell ref="M31:AK31"/>
    <mergeCell ref="M27:AK27"/>
    <mergeCell ref="C28:L28"/>
    <mergeCell ref="M28:Q28"/>
    <mergeCell ref="R28:AA28"/>
    <mergeCell ref="AB28:AF28"/>
    <mergeCell ref="AG28:AK28"/>
    <mergeCell ref="B25:B36"/>
    <mergeCell ref="C25:L27"/>
    <mergeCell ref="M25:P25"/>
    <mergeCell ref="Q25:S25"/>
    <mergeCell ref="U25:W25"/>
    <mergeCell ref="Y25:AK25"/>
    <mergeCell ref="M26:P26"/>
    <mergeCell ref="R26:U26"/>
    <mergeCell ref="V26:W26"/>
    <mergeCell ref="X26:AK26"/>
    <mergeCell ref="C32:L32"/>
    <mergeCell ref="M32:Q32"/>
    <mergeCell ref="R32:AA32"/>
    <mergeCell ref="AB32:AF32"/>
    <mergeCell ref="AG32:AK32"/>
    <mergeCell ref="C33:L33"/>
    <mergeCell ref="M33:AK33"/>
    <mergeCell ref="C29:L31"/>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V8:X8"/>
    <mergeCell ref="Y8:AK8"/>
    <mergeCell ref="Y9:AK9"/>
    <mergeCell ref="V10:X10"/>
    <mergeCell ref="Y10:AK10"/>
    <mergeCell ref="Y11:AK11"/>
    <mergeCell ref="AB3:AF3"/>
    <mergeCell ref="AG3:AK3"/>
    <mergeCell ref="B5:AK5"/>
    <mergeCell ref="AF6:AG6"/>
    <mergeCell ref="AI6:AJ6"/>
    <mergeCell ref="B7:J7"/>
  </mergeCells>
  <phoneticPr fontId="3"/>
  <dataValidations count="2">
    <dataValidation type="list" allowBlank="1" showInputMessage="1" showErrorMessage="1" sqref="V39:V45 JN39:JN45 TJ39:TJ45 ADF39:ADF45 ANB39:ANB45 AWX39:AWX45 BGT39:BGT45 BQP39:BQP45 CAL39:CAL45 CKH39:CKH45 CUD39:CUD45 DDZ39:DDZ45 DNV39:DNV45 DXR39:DXR45 EHN39:EHN45 ERJ39:ERJ45 FBF39:FBF45 FLB39:FLB45 FUX39:FUX45 GET39:GET45 GOP39:GOP45 GYL39:GYL45 HIH39:HIH45 HSD39:HSD45 IBZ39:IBZ45 ILV39:ILV45 IVR39:IVR45 JFN39:JFN45 JPJ39:JPJ45 JZF39:JZF45 KJB39:KJB45 KSX39:KSX45 LCT39:LCT45 LMP39:LMP45 LWL39:LWL45 MGH39:MGH45 MQD39:MQD45 MZZ39:MZZ45 NJV39:NJV45 NTR39:NTR45 ODN39:ODN45 ONJ39:ONJ45 OXF39:OXF45 PHB39:PHB45 PQX39:PQX45 QAT39:QAT45 QKP39:QKP45 QUL39:QUL45 REH39:REH45 ROD39:ROD45 RXZ39:RXZ45 SHV39:SHV45 SRR39:SRR45 TBN39:TBN45 TLJ39:TLJ45 TVF39:TVF45 UFB39:UFB45 UOX39:UOX45 UYT39:UYT45 VIP39:VIP45 VSL39:VSL45 WCH39:WCH45 WMD39:WMD45 WVZ39:WVZ45 V65571:V65577 JN65571:JN65577 TJ65571:TJ65577 ADF65571:ADF65577 ANB65571:ANB65577 AWX65571:AWX65577 BGT65571:BGT65577 BQP65571:BQP65577 CAL65571:CAL65577 CKH65571:CKH65577 CUD65571:CUD65577 DDZ65571:DDZ65577 DNV65571:DNV65577 DXR65571:DXR65577 EHN65571:EHN65577 ERJ65571:ERJ65577 FBF65571:FBF65577 FLB65571:FLB65577 FUX65571:FUX65577 GET65571:GET65577 GOP65571:GOP65577 GYL65571:GYL65577 HIH65571:HIH65577 HSD65571:HSD65577 IBZ65571:IBZ65577 ILV65571:ILV65577 IVR65571:IVR65577 JFN65571:JFN65577 JPJ65571:JPJ65577 JZF65571:JZF65577 KJB65571:KJB65577 KSX65571:KSX65577 LCT65571:LCT65577 LMP65571:LMP65577 LWL65571:LWL65577 MGH65571:MGH65577 MQD65571:MQD65577 MZZ65571:MZZ65577 NJV65571:NJV65577 NTR65571:NTR65577 ODN65571:ODN65577 ONJ65571:ONJ65577 OXF65571:OXF65577 PHB65571:PHB65577 PQX65571:PQX65577 QAT65571:QAT65577 QKP65571:QKP65577 QUL65571:QUL65577 REH65571:REH65577 ROD65571:ROD65577 RXZ65571:RXZ65577 SHV65571:SHV65577 SRR65571:SRR65577 TBN65571:TBN65577 TLJ65571:TLJ65577 TVF65571:TVF65577 UFB65571:UFB65577 UOX65571:UOX65577 UYT65571:UYT65577 VIP65571:VIP65577 VSL65571:VSL65577 WCH65571:WCH65577 WMD65571:WMD65577 WVZ65571:WVZ65577 V131107:V131113 JN131107:JN131113 TJ131107:TJ131113 ADF131107:ADF131113 ANB131107:ANB131113 AWX131107:AWX131113 BGT131107:BGT131113 BQP131107:BQP131113 CAL131107:CAL131113 CKH131107:CKH131113 CUD131107:CUD131113 DDZ131107:DDZ131113 DNV131107:DNV131113 DXR131107:DXR131113 EHN131107:EHN131113 ERJ131107:ERJ131113 FBF131107:FBF131113 FLB131107:FLB131113 FUX131107:FUX131113 GET131107:GET131113 GOP131107:GOP131113 GYL131107:GYL131113 HIH131107:HIH131113 HSD131107:HSD131113 IBZ131107:IBZ131113 ILV131107:ILV131113 IVR131107:IVR131113 JFN131107:JFN131113 JPJ131107:JPJ131113 JZF131107:JZF131113 KJB131107:KJB131113 KSX131107:KSX131113 LCT131107:LCT131113 LMP131107:LMP131113 LWL131107:LWL131113 MGH131107:MGH131113 MQD131107:MQD131113 MZZ131107:MZZ131113 NJV131107:NJV131113 NTR131107:NTR131113 ODN131107:ODN131113 ONJ131107:ONJ131113 OXF131107:OXF131113 PHB131107:PHB131113 PQX131107:PQX131113 QAT131107:QAT131113 QKP131107:QKP131113 QUL131107:QUL131113 REH131107:REH131113 ROD131107:ROD131113 RXZ131107:RXZ131113 SHV131107:SHV131113 SRR131107:SRR131113 TBN131107:TBN131113 TLJ131107:TLJ131113 TVF131107:TVF131113 UFB131107:UFB131113 UOX131107:UOX131113 UYT131107:UYT131113 VIP131107:VIP131113 VSL131107:VSL131113 WCH131107:WCH131113 WMD131107:WMD131113 WVZ131107:WVZ131113 V196643:V196649 JN196643:JN196649 TJ196643:TJ196649 ADF196643:ADF196649 ANB196643:ANB196649 AWX196643:AWX196649 BGT196643:BGT196649 BQP196643:BQP196649 CAL196643:CAL196649 CKH196643:CKH196649 CUD196643:CUD196649 DDZ196643:DDZ196649 DNV196643:DNV196649 DXR196643:DXR196649 EHN196643:EHN196649 ERJ196643:ERJ196649 FBF196643:FBF196649 FLB196643:FLB196649 FUX196643:FUX196649 GET196643:GET196649 GOP196643:GOP196649 GYL196643:GYL196649 HIH196643:HIH196649 HSD196643:HSD196649 IBZ196643:IBZ196649 ILV196643:ILV196649 IVR196643:IVR196649 JFN196643:JFN196649 JPJ196643:JPJ196649 JZF196643:JZF196649 KJB196643:KJB196649 KSX196643:KSX196649 LCT196643:LCT196649 LMP196643:LMP196649 LWL196643:LWL196649 MGH196643:MGH196649 MQD196643:MQD196649 MZZ196643:MZZ196649 NJV196643:NJV196649 NTR196643:NTR196649 ODN196643:ODN196649 ONJ196643:ONJ196649 OXF196643:OXF196649 PHB196643:PHB196649 PQX196643:PQX196649 QAT196643:QAT196649 QKP196643:QKP196649 QUL196643:QUL196649 REH196643:REH196649 ROD196643:ROD196649 RXZ196643:RXZ196649 SHV196643:SHV196649 SRR196643:SRR196649 TBN196643:TBN196649 TLJ196643:TLJ196649 TVF196643:TVF196649 UFB196643:UFB196649 UOX196643:UOX196649 UYT196643:UYT196649 VIP196643:VIP196649 VSL196643:VSL196649 WCH196643:WCH196649 WMD196643:WMD196649 WVZ196643:WVZ196649 V262179:V262185 JN262179:JN262185 TJ262179:TJ262185 ADF262179:ADF262185 ANB262179:ANB262185 AWX262179:AWX262185 BGT262179:BGT262185 BQP262179:BQP262185 CAL262179:CAL262185 CKH262179:CKH262185 CUD262179:CUD262185 DDZ262179:DDZ262185 DNV262179:DNV262185 DXR262179:DXR262185 EHN262179:EHN262185 ERJ262179:ERJ262185 FBF262179:FBF262185 FLB262179:FLB262185 FUX262179:FUX262185 GET262179:GET262185 GOP262179:GOP262185 GYL262179:GYL262185 HIH262179:HIH262185 HSD262179:HSD262185 IBZ262179:IBZ262185 ILV262179:ILV262185 IVR262179:IVR262185 JFN262179:JFN262185 JPJ262179:JPJ262185 JZF262179:JZF262185 KJB262179:KJB262185 KSX262179:KSX262185 LCT262179:LCT262185 LMP262179:LMP262185 LWL262179:LWL262185 MGH262179:MGH262185 MQD262179:MQD262185 MZZ262179:MZZ262185 NJV262179:NJV262185 NTR262179:NTR262185 ODN262179:ODN262185 ONJ262179:ONJ262185 OXF262179:OXF262185 PHB262179:PHB262185 PQX262179:PQX262185 QAT262179:QAT262185 QKP262179:QKP262185 QUL262179:QUL262185 REH262179:REH262185 ROD262179:ROD262185 RXZ262179:RXZ262185 SHV262179:SHV262185 SRR262179:SRR262185 TBN262179:TBN262185 TLJ262179:TLJ262185 TVF262179:TVF262185 UFB262179:UFB262185 UOX262179:UOX262185 UYT262179:UYT262185 VIP262179:VIP262185 VSL262179:VSL262185 WCH262179:WCH262185 WMD262179:WMD262185 WVZ262179:WVZ262185 V327715:V327721 JN327715:JN327721 TJ327715:TJ327721 ADF327715:ADF327721 ANB327715:ANB327721 AWX327715:AWX327721 BGT327715:BGT327721 BQP327715:BQP327721 CAL327715:CAL327721 CKH327715:CKH327721 CUD327715:CUD327721 DDZ327715:DDZ327721 DNV327715:DNV327721 DXR327715:DXR327721 EHN327715:EHN327721 ERJ327715:ERJ327721 FBF327715:FBF327721 FLB327715:FLB327721 FUX327715:FUX327721 GET327715:GET327721 GOP327715:GOP327721 GYL327715:GYL327721 HIH327715:HIH327721 HSD327715:HSD327721 IBZ327715:IBZ327721 ILV327715:ILV327721 IVR327715:IVR327721 JFN327715:JFN327721 JPJ327715:JPJ327721 JZF327715:JZF327721 KJB327715:KJB327721 KSX327715:KSX327721 LCT327715:LCT327721 LMP327715:LMP327721 LWL327715:LWL327721 MGH327715:MGH327721 MQD327715:MQD327721 MZZ327715:MZZ327721 NJV327715:NJV327721 NTR327715:NTR327721 ODN327715:ODN327721 ONJ327715:ONJ327721 OXF327715:OXF327721 PHB327715:PHB327721 PQX327715:PQX327721 QAT327715:QAT327721 QKP327715:QKP327721 QUL327715:QUL327721 REH327715:REH327721 ROD327715:ROD327721 RXZ327715:RXZ327721 SHV327715:SHV327721 SRR327715:SRR327721 TBN327715:TBN327721 TLJ327715:TLJ327721 TVF327715:TVF327721 UFB327715:UFB327721 UOX327715:UOX327721 UYT327715:UYT327721 VIP327715:VIP327721 VSL327715:VSL327721 WCH327715:WCH327721 WMD327715:WMD327721 WVZ327715:WVZ327721 V393251:V393257 JN393251:JN393257 TJ393251:TJ393257 ADF393251:ADF393257 ANB393251:ANB393257 AWX393251:AWX393257 BGT393251:BGT393257 BQP393251:BQP393257 CAL393251:CAL393257 CKH393251:CKH393257 CUD393251:CUD393257 DDZ393251:DDZ393257 DNV393251:DNV393257 DXR393251:DXR393257 EHN393251:EHN393257 ERJ393251:ERJ393257 FBF393251:FBF393257 FLB393251:FLB393257 FUX393251:FUX393257 GET393251:GET393257 GOP393251:GOP393257 GYL393251:GYL393257 HIH393251:HIH393257 HSD393251:HSD393257 IBZ393251:IBZ393257 ILV393251:ILV393257 IVR393251:IVR393257 JFN393251:JFN393257 JPJ393251:JPJ393257 JZF393251:JZF393257 KJB393251:KJB393257 KSX393251:KSX393257 LCT393251:LCT393257 LMP393251:LMP393257 LWL393251:LWL393257 MGH393251:MGH393257 MQD393251:MQD393257 MZZ393251:MZZ393257 NJV393251:NJV393257 NTR393251:NTR393257 ODN393251:ODN393257 ONJ393251:ONJ393257 OXF393251:OXF393257 PHB393251:PHB393257 PQX393251:PQX393257 QAT393251:QAT393257 QKP393251:QKP393257 QUL393251:QUL393257 REH393251:REH393257 ROD393251:ROD393257 RXZ393251:RXZ393257 SHV393251:SHV393257 SRR393251:SRR393257 TBN393251:TBN393257 TLJ393251:TLJ393257 TVF393251:TVF393257 UFB393251:UFB393257 UOX393251:UOX393257 UYT393251:UYT393257 VIP393251:VIP393257 VSL393251:VSL393257 WCH393251:WCH393257 WMD393251:WMD393257 WVZ393251:WVZ393257 V458787:V458793 JN458787:JN458793 TJ458787:TJ458793 ADF458787:ADF458793 ANB458787:ANB458793 AWX458787:AWX458793 BGT458787:BGT458793 BQP458787:BQP458793 CAL458787:CAL458793 CKH458787:CKH458793 CUD458787:CUD458793 DDZ458787:DDZ458793 DNV458787:DNV458793 DXR458787:DXR458793 EHN458787:EHN458793 ERJ458787:ERJ458793 FBF458787:FBF458793 FLB458787:FLB458793 FUX458787:FUX458793 GET458787:GET458793 GOP458787:GOP458793 GYL458787:GYL458793 HIH458787:HIH458793 HSD458787:HSD458793 IBZ458787:IBZ458793 ILV458787:ILV458793 IVR458787:IVR458793 JFN458787:JFN458793 JPJ458787:JPJ458793 JZF458787:JZF458793 KJB458787:KJB458793 KSX458787:KSX458793 LCT458787:LCT458793 LMP458787:LMP458793 LWL458787:LWL458793 MGH458787:MGH458793 MQD458787:MQD458793 MZZ458787:MZZ458793 NJV458787:NJV458793 NTR458787:NTR458793 ODN458787:ODN458793 ONJ458787:ONJ458793 OXF458787:OXF458793 PHB458787:PHB458793 PQX458787:PQX458793 QAT458787:QAT458793 QKP458787:QKP458793 QUL458787:QUL458793 REH458787:REH458793 ROD458787:ROD458793 RXZ458787:RXZ458793 SHV458787:SHV458793 SRR458787:SRR458793 TBN458787:TBN458793 TLJ458787:TLJ458793 TVF458787:TVF458793 UFB458787:UFB458793 UOX458787:UOX458793 UYT458787:UYT458793 VIP458787:VIP458793 VSL458787:VSL458793 WCH458787:WCH458793 WMD458787:WMD458793 WVZ458787:WVZ458793 V524323:V524329 JN524323:JN524329 TJ524323:TJ524329 ADF524323:ADF524329 ANB524323:ANB524329 AWX524323:AWX524329 BGT524323:BGT524329 BQP524323:BQP524329 CAL524323:CAL524329 CKH524323:CKH524329 CUD524323:CUD524329 DDZ524323:DDZ524329 DNV524323:DNV524329 DXR524323:DXR524329 EHN524323:EHN524329 ERJ524323:ERJ524329 FBF524323:FBF524329 FLB524323:FLB524329 FUX524323:FUX524329 GET524323:GET524329 GOP524323:GOP524329 GYL524323:GYL524329 HIH524323:HIH524329 HSD524323:HSD524329 IBZ524323:IBZ524329 ILV524323:ILV524329 IVR524323:IVR524329 JFN524323:JFN524329 JPJ524323:JPJ524329 JZF524323:JZF524329 KJB524323:KJB524329 KSX524323:KSX524329 LCT524323:LCT524329 LMP524323:LMP524329 LWL524323:LWL524329 MGH524323:MGH524329 MQD524323:MQD524329 MZZ524323:MZZ524329 NJV524323:NJV524329 NTR524323:NTR524329 ODN524323:ODN524329 ONJ524323:ONJ524329 OXF524323:OXF524329 PHB524323:PHB524329 PQX524323:PQX524329 QAT524323:QAT524329 QKP524323:QKP524329 QUL524323:QUL524329 REH524323:REH524329 ROD524323:ROD524329 RXZ524323:RXZ524329 SHV524323:SHV524329 SRR524323:SRR524329 TBN524323:TBN524329 TLJ524323:TLJ524329 TVF524323:TVF524329 UFB524323:UFB524329 UOX524323:UOX524329 UYT524323:UYT524329 VIP524323:VIP524329 VSL524323:VSL524329 WCH524323:WCH524329 WMD524323:WMD524329 WVZ524323:WVZ524329 V589859:V589865 JN589859:JN589865 TJ589859:TJ589865 ADF589859:ADF589865 ANB589859:ANB589865 AWX589859:AWX589865 BGT589859:BGT589865 BQP589859:BQP589865 CAL589859:CAL589865 CKH589859:CKH589865 CUD589859:CUD589865 DDZ589859:DDZ589865 DNV589859:DNV589865 DXR589859:DXR589865 EHN589859:EHN589865 ERJ589859:ERJ589865 FBF589859:FBF589865 FLB589859:FLB589865 FUX589859:FUX589865 GET589859:GET589865 GOP589859:GOP589865 GYL589859:GYL589865 HIH589859:HIH589865 HSD589859:HSD589865 IBZ589859:IBZ589865 ILV589859:ILV589865 IVR589859:IVR589865 JFN589859:JFN589865 JPJ589859:JPJ589865 JZF589859:JZF589865 KJB589859:KJB589865 KSX589859:KSX589865 LCT589859:LCT589865 LMP589859:LMP589865 LWL589859:LWL589865 MGH589859:MGH589865 MQD589859:MQD589865 MZZ589859:MZZ589865 NJV589859:NJV589865 NTR589859:NTR589865 ODN589859:ODN589865 ONJ589859:ONJ589865 OXF589859:OXF589865 PHB589859:PHB589865 PQX589859:PQX589865 QAT589859:QAT589865 QKP589859:QKP589865 QUL589859:QUL589865 REH589859:REH589865 ROD589859:ROD589865 RXZ589859:RXZ589865 SHV589859:SHV589865 SRR589859:SRR589865 TBN589859:TBN589865 TLJ589859:TLJ589865 TVF589859:TVF589865 UFB589859:UFB589865 UOX589859:UOX589865 UYT589859:UYT589865 VIP589859:VIP589865 VSL589859:VSL589865 WCH589859:WCH589865 WMD589859:WMD589865 WVZ589859:WVZ589865 V655395:V655401 JN655395:JN655401 TJ655395:TJ655401 ADF655395:ADF655401 ANB655395:ANB655401 AWX655395:AWX655401 BGT655395:BGT655401 BQP655395:BQP655401 CAL655395:CAL655401 CKH655395:CKH655401 CUD655395:CUD655401 DDZ655395:DDZ655401 DNV655395:DNV655401 DXR655395:DXR655401 EHN655395:EHN655401 ERJ655395:ERJ655401 FBF655395:FBF655401 FLB655395:FLB655401 FUX655395:FUX655401 GET655395:GET655401 GOP655395:GOP655401 GYL655395:GYL655401 HIH655395:HIH655401 HSD655395:HSD655401 IBZ655395:IBZ655401 ILV655395:ILV655401 IVR655395:IVR655401 JFN655395:JFN655401 JPJ655395:JPJ655401 JZF655395:JZF655401 KJB655395:KJB655401 KSX655395:KSX655401 LCT655395:LCT655401 LMP655395:LMP655401 LWL655395:LWL655401 MGH655395:MGH655401 MQD655395:MQD655401 MZZ655395:MZZ655401 NJV655395:NJV655401 NTR655395:NTR655401 ODN655395:ODN655401 ONJ655395:ONJ655401 OXF655395:OXF655401 PHB655395:PHB655401 PQX655395:PQX655401 QAT655395:QAT655401 QKP655395:QKP655401 QUL655395:QUL655401 REH655395:REH655401 ROD655395:ROD655401 RXZ655395:RXZ655401 SHV655395:SHV655401 SRR655395:SRR655401 TBN655395:TBN655401 TLJ655395:TLJ655401 TVF655395:TVF655401 UFB655395:UFB655401 UOX655395:UOX655401 UYT655395:UYT655401 VIP655395:VIP655401 VSL655395:VSL655401 WCH655395:WCH655401 WMD655395:WMD655401 WVZ655395:WVZ655401 V720931:V720937 JN720931:JN720937 TJ720931:TJ720937 ADF720931:ADF720937 ANB720931:ANB720937 AWX720931:AWX720937 BGT720931:BGT720937 BQP720931:BQP720937 CAL720931:CAL720937 CKH720931:CKH720937 CUD720931:CUD720937 DDZ720931:DDZ720937 DNV720931:DNV720937 DXR720931:DXR720937 EHN720931:EHN720937 ERJ720931:ERJ720937 FBF720931:FBF720937 FLB720931:FLB720937 FUX720931:FUX720937 GET720931:GET720937 GOP720931:GOP720937 GYL720931:GYL720937 HIH720931:HIH720937 HSD720931:HSD720937 IBZ720931:IBZ720937 ILV720931:ILV720937 IVR720931:IVR720937 JFN720931:JFN720937 JPJ720931:JPJ720937 JZF720931:JZF720937 KJB720931:KJB720937 KSX720931:KSX720937 LCT720931:LCT720937 LMP720931:LMP720937 LWL720931:LWL720937 MGH720931:MGH720937 MQD720931:MQD720937 MZZ720931:MZZ720937 NJV720931:NJV720937 NTR720931:NTR720937 ODN720931:ODN720937 ONJ720931:ONJ720937 OXF720931:OXF720937 PHB720931:PHB720937 PQX720931:PQX720937 QAT720931:QAT720937 QKP720931:QKP720937 QUL720931:QUL720937 REH720931:REH720937 ROD720931:ROD720937 RXZ720931:RXZ720937 SHV720931:SHV720937 SRR720931:SRR720937 TBN720931:TBN720937 TLJ720931:TLJ720937 TVF720931:TVF720937 UFB720931:UFB720937 UOX720931:UOX720937 UYT720931:UYT720937 VIP720931:VIP720937 VSL720931:VSL720937 WCH720931:WCH720937 WMD720931:WMD720937 WVZ720931:WVZ720937 V786467:V786473 JN786467:JN786473 TJ786467:TJ786473 ADF786467:ADF786473 ANB786467:ANB786473 AWX786467:AWX786473 BGT786467:BGT786473 BQP786467:BQP786473 CAL786467:CAL786473 CKH786467:CKH786473 CUD786467:CUD786473 DDZ786467:DDZ786473 DNV786467:DNV786473 DXR786467:DXR786473 EHN786467:EHN786473 ERJ786467:ERJ786473 FBF786467:FBF786473 FLB786467:FLB786473 FUX786467:FUX786473 GET786467:GET786473 GOP786467:GOP786473 GYL786467:GYL786473 HIH786467:HIH786473 HSD786467:HSD786473 IBZ786467:IBZ786473 ILV786467:ILV786473 IVR786467:IVR786473 JFN786467:JFN786473 JPJ786467:JPJ786473 JZF786467:JZF786473 KJB786467:KJB786473 KSX786467:KSX786473 LCT786467:LCT786473 LMP786467:LMP786473 LWL786467:LWL786473 MGH786467:MGH786473 MQD786467:MQD786473 MZZ786467:MZZ786473 NJV786467:NJV786473 NTR786467:NTR786473 ODN786467:ODN786473 ONJ786467:ONJ786473 OXF786467:OXF786473 PHB786467:PHB786473 PQX786467:PQX786473 QAT786467:QAT786473 QKP786467:QKP786473 QUL786467:QUL786473 REH786467:REH786473 ROD786467:ROD786473 RXZ786467:RXZ786473 SHV786467:SHV786473 SRR786467:SRR786473 TBN786467:TBN786473 TLJ786467:TLJ786473 TVF786467:TVF786473 UFB786467:UFB786473 UOX786467:UOX786473 UYT786467:UYT786473 VIP786467:VIP786473 VSL786467:VSL786473 WCH786467:WCH786473 WMD786467:WMD786473 WVZ786467:WVZ786473 V852003:V852009 JN852003:JN852009 TJ852003:TJ852009 ADF852003:ADF852009 ANB852003:ANB852009 AWX852003:AWX852009 BGT852003:BGT852009 BQP852003:BQP852009 CAL852003:CAL852009 CKH852003:CKH852009 CUD852003:CUD852009 DDZ852003:DDZ852009 DNV852003:DNV852009 DXR852003:DXR852009 EHN852003:EHN852009 ERJ852003:ERJ852009 FBF852003:FBF852009 FLB852003:FLB852009 FUX852003:FUX852009 GET852003:GET852009 GOP852003:GOP852009 GYL852003:GYL852009 HIH852003:HIH852009 HSD852003:HSD852009 IBZ852003:IBZ852009 ILV852003:ILV852009 IVR852003:IVR852009 JFN852003:JFN852009 JPJ852003:JPJ852009 JZF852003:JZF852009 KJB852003:KJB852009 KSX852003:KSX852009 LCT852003:LCT852009 LMP852003:LMP852009 LWL852003:LWL852009 MGH852003:MGH852009 MQD852003:MQD852009 MZZ852003:MZZ852009 NJV852003:NJV852009 NTR852003:NTR852009 ODN852003:ODN852009 ONJ852003:ONJ852009 OXF852003:OXF852009 PHB852003:PHB852009 PQX852003:PQX852009 QAT852003:QAT852009 QKP852003:QKP852009 QUL852003:QUL852009 REH852003:REH852009 ROD852003:ROD852009 RXZ852003:RXZ852009 SHV852003:SHV852009 SRR852003:SRR852009 TBN852003:TBN852009 TLJ852003:TLJ852009 TVF852003:TVF852009 UFB852003:UFB852009 UOX852003:UOX852009 UYT852003:UYT852009 VIP852003:VIP852009 VSL852003:VSL852009 WCH852003:WCH852009 WMD852003:WMD852009 WVZ852003:WVZ852009 V917539:V917545 JN917539:JN917545 TJ917539:TJ917545 ADF917539:ADF917545 ANB917539:ANB917545 AWX917539:AWX917545 BGT917539:BGT917545 BQP917539:BQP917545 CAL917539:CAL917545 CKH917539:CKH917545 CUD917539:CUD917545 DDZ917539:DDZ917545 DNV917539:DNV917545 DXR917539:DXR917545 EHN917539:EHN917545 ERJ917539:ERJ917545 FBF917539:FBF917545 FLB917539:FLB917545 FUX917539:FUX917545 GET917539:GET917545 GOP917539:GOP917545 GYL917539:GYL917545 HIH917539:HIH917545 HSD917539:HSD917545 IBZ917539:IBZ917545 ILV917539:ILV917545 IVR917539:IVR917545 JFN917539:JFN917545 JPJ917539:JPJ917545 JZF917539:JZF917545 KJB917539:KJB917545 KSX917539:KSX917545 LCT917539:LCT917545 LMP917539:LMP917545 LWL917539:LWL917545 MGH917539:MGH917545 MQD917539:MQD917545 MZZ917539:MZZ917545 NJV917539:NJV917545 NTR917539:NTR917545 ODN917539:ODN917545 ONJ917539:ONJ917545 OXF917539:OXF917545 PHB917539:PHB917545 PQX917539:PQX917545 QAT917539:QAT917545 QKP917539:QKP917545 QUL917539:QUL917545 REH917539:REH917545 ROD917539:ROD917545 RXZ917539:RXZ917545 SHV917539:SHV917545 SRR917539:SRR917545 TBN917539:TBN917545 TLJ917539:TLJ917545 TVF917539:TVF917545 UFB917539:UFB917545 UOX917539:UOX917545 UYT917539:UYT917545 VIP917539:VIP917545 VSL917539:VSL917545 WCH917539:WCH917545 WMD917539:WMD917545 WVZ917539:WVZ917545 V983075:V983081 JN983075:JN983081 TJ983075:TJ983081 ADF983075:ADF983081 ANB983075:ANB983081 AWX983075:AWX983081 BGT983075:BGT983081 BQP983075:BQP983081 CAL983075:CAL983081 CKH983075:CKH983081 CUD983075:CUD983081 DDZ983075:DDZ983081 DNV983075:DNV983081 DXR983075:DXR983081 EHN983075:EHN983081 ERJ983075:ERJ983081 FBF983075:FBF983081 FLB983075:FLB983081 FUX983075:FUX983081 GET983075:GET983081 GOP983075:GOP983081 GYL983075:GYL983081 HIH983075:HIH983081 HSD983075:HSD983081 IBZ983075:IBZ983081 ILV983075:ILV983081 IVR983075:IVR983081 JFN983075:JFN983081 JPJ983075:JPJ983081 JZF983075:JZF983081 KJB983075:KJB983081 KSX983075:KSX983081 LCT983075:LCT983081 LMP983075:LMP983081 LWL983075:LWL983081 MGH983075:MGH983081 MQD983075:MQD983081 MZZ983075:MZZ983081 NJV983075:NJV983081 NTR983075:NTR983081 ODN983075:ODN983081 ONJ983075:ONJ983081 OXF983075:OXF983081 PHB983075:PHB983081 PQX983075:PQX983081 QAT983075:QAT983081 QKP983075:QKP983081 QUL983075:QUL983081 REH983075:REH983081 ROD983075:ROD983081 RXZ983075:RXZ983081 SHV983075:SHV983081 SRR983075:SRR983081 TBN983075:TBN983081 TLJ983075:TLJ983081 TVF983075:TVF983081 UFB983075:UFB983081 UOX983075:UOX983081 UYT983075:UYT983081 VIP983075:VIP983081 VSL983075:VSL983081 WCH983075:WCH983081 WMD983075:WMD983081 WVZ983075:WVZ983081 Y39:Y45 JQ39:JQ45 TM39:TM45 ADI39:ADI45 ANE39:ANE45 AXA39:AXA45 BGW39:BGW45 BQS39:BQS45 CAO39:CAO45 CKK39:CKK45 CUG39:CUG45 DEC39:DEC45 DNY39:DNY45 DXU39:DXU45 EHQ39:EHQ45 ERM39:ERM45 FBI39:FBI45 FLE39:FLE45 FVA39:FVA45 GEW39:GEW45 GOS39:GOS45 GYO39:GYO45 HIK39:HIK45 HSG39:HSG45 ICC39:ICC45 ILY39:ILY45 IVU39:IVU45 JFQ39:JFQ45 JPM39:JPM45 JZI39:JZI45 KJE39:KJE45 KTA39:KTA45 LCW39:LCW45 LMS39:LMS45 LWO39:LWO45 MGK39:MGK45 MQG39:MQG45 NAC39:NAC45 NJY39:NJY45 NTU39:NTU45 ODQ39:ODQ45 ONM39:ONM45 OXI39:OXI45 PHE39:PHE45 PRA39:PRA45 QAW39:QAW45 QKS39:QKS45 QUO39:QUO45 REK39:REK45 ROG39:ROG45 RYC39:RYC45 SHY39:SHY45 SRU39:SRU45 TBQ39:TBQ45 TLM39:TLM45 TVI39:TVI45 UFE39:UFE45 UPA39:UPA45 UYW39:UYW45 VIS39:VIS45 VSO39:VSO45 WCK39:WCK45 WMG39:WMG45 WWC39:WWC45 Y65571:Y65577 JQ65571:JQ65577 TM65571:TM65577 ADI65571:ADI65577 ANE65571:ANE65577 AXA65571:AXA65577 BGW65571:BGW65577 BQS65571:BQS65577 CAO65571:CAO65577 CKK65571:CKK65577 CUG65571:CUG65577 DEC65571:DEC65577 DNY65571:DNY65577 DXU65571:DXU65577 EHQ65571:EHQ65577 ERM65571:ERM65577 FBI65571:FBI65577 FLE65571:FLE65577 FVA65571:FVA65577 GEW65571:GEW65577 GOS65571:GOS65577 GYO65571:GYO65577 HIK65571:HIK65577 HSG65571:HSG65577 ICC65571:ICC65577 ILY65571:ILY65577 IVU65571:IVU65577 JFQ65571:JFQ65577 JPM65571:JPM65577 JZI65571:JZI65577 KJE65571:KJE65577 KTA65571:KTA65577 LCW65571:LCW65577 LMS65571:LMS65577 LWO65571:LWO65577 MGK65571:MGK65577 MQG65571:MQG65577 NAC65571:NAC65577 NJY65571:NJY65577 NTU65571:NTU65577 ODQ65571:ODQ65577 ONM65571:ONM65577 OXI65571:OXI65577 PHE65571:PHE65577 PRA65571:PRA65577 QAW65571:QAW65577 QKS65571:QKS65577 QUO65571:QUO65577 REK65571:REK65577 ROG65571:ROG65577 RYC65571:RYC65577 SHY65571:SHY65577 SRU65571:SRU65577 TBQ65571:TBQ65577 TLM65571:TLM65577 TVI65571:TVI65577 UFE65571:UFE65577 UPA65571:UPA65577 UYW65571:UYW65577 VIS65571:VIS65577 VSO65571:VSO65577 WCK65571:WCK65577 WMG65571:WMG65577 WWC65571:WWC65577 Y131107:Y131113 JQ131107:JQ131113 TM131107:TM131113 ADI131107:ADI131113 ANE131107:ANE131113 AXA131107:AXA131113 BGW131107:BGW131113 BQS131107:BQS131113 CAO131107:CAO131113 CKK131107:CKK131113 CUG131107:CUG131113 DEC131107:DEC131113 DNY131107:DNY131113 DXU131107:DXU131113 EHQ131107:EHQ131113 ERM131107:ERM131113 FBI131107:FBI131113 FLE131107:FLE131113 FVA131107:FVA131113 GEW131107:GEW131113 GOS131107:GOS131113 GYO131107:GYO131113 HIK131107:HIK131113 HSG131107:HSG131113 ICC131107:ICC131113 ILY131107:ILY131113 IVU131107:IVU131113 JFQ131107:JFQ131113 JPM131107:JPM131113 JZI131107:JZI131113 KJE131107:KJE131113 KTA131107:KTA131113 LCW131107:LCW131113 LMS131107:LMS131113 LWO131107:LWO131113 MGK131107:MGK131113 MQG131107:MQG131113 NAC131107:NAC131113 NJY131107:NJY131113 NTU131107:NTU131113 ODQ131107:ODQ131113 ONM131107:ONM131113 OXI131107:OXI131113 PHE131107:PHE131113 PRA131107:PRA131113 QAW131107:QAW131113 QKS131107:QKS131113 QUO131107:QUO131113 REK131107:REK131113 ROG131107:ROG131113 RYC131107:RYC131113 SHY131107:SHY131113 SRU131107:SRU131113 TBQ131107:TBQ131113 TLM131107:TLM131113 TVI131107:TVI131113 UFE131107:UFE131113 UPA131107:UPA131113 UYW131107:UYW131113 VIS131107:VIS131113 VSO131107:VSO131113 WCK131107:WCK131113 WMG131107:WMG131113 WWC131107:WWC131113 Y196643:Y196649 JQ196643:JQ196649 TM196643:TM196649 ADI196643:ADI196649 ANE196643:ANE196649 AXA196643:AXA196649 BGW196643:BGW196649 BQS196643:BQS196649 CAO196643:CAO196649 CKK196643:CKK196649 CUG196643:CUG196649 DEC196643:DEC196649 DNY196643:DNY196649 DXU196643:DXU196649 EHQ196643:EHQ196649 ERM196643:ERM196649 FBI196643:FBI196649 FLE196643:FLE196649 FVA196643:FVA196649 GEW196643:GEW196649 GOS196643:GOS196649 GYO196643:GYO196649 HIK196643:HIK196649 HSG196643:HSG196649 ICC196643:ICC196649 ILY196643:ILY196649 IVU196643:IVU196649 JFQ196643:JFQ196649 JPM196643:JPM196649 JZI196643:JZI196649 KJE196643:KJE196649 KTA196643:KTA196649 LCW196643:LCW196649 LMS196643:LMS196649 LWO196643:LWO196649 MGK196643:MGK196649 MQG196643:MQG196649 NAC196643:NAC196649 NJY196643:NJY196649 NTU196643:NTU196649 ODQ196643:ODQ196649 ONM196643:ONM196649 OXI196643:OXI196649 PHE196643:PHE196649 PRA196643:PRA196649 QAW196643:QAW196649 QKS196643:QKS196649 QUO196643:QUO196649 REK196643:REK196649 ROG196643:ROG196649 RYC196643:RYC196649 SHY196643:SHY196649 SRU196643:SRU196649 TBQ196643:TBQ196649 TLM196643:TLM196649 TVI196643:TVI196649 UFE196643:UFE196649 UPA196643:UPA196649 UYW196643:UYW196649 VIS196643:VIS196649 VSO196643:VSO196649 WCK196643:WCK196649 WMG196643:WMG196649 WWC196643:WWC196649 Y262179:Y262185 JQ262179:JQ262185 TM262179:TM262185 ADI262179:ADI262185 ANE262179:ANE262185 AXA262179:AXA262185 BGW262179:BGW262185 BQS262179:BQS262185 CAO262179:CAO262185 CKK262179:CKK262185 CUG262179:CUG262185 DEC262179:DEC262185 DNY262179:DNY262185 DXU262179:DXU262185 EHQ262179:EHQ262185 ERM262179:ERM262185 FBI262179:FBI262185 FLE262179:FLE262185 FVA262179:FVA262185 GEW262179:GEW262185 GOS262179:GOS262185 GYO262179:GYO262185 HIK262179:HIK262185 HSG262179:HSG262185 ICC262179:ICC262185 ILY262179:ILY262185 IVU262179:IVU262185 JFQ262179:JFQ262185 JPM262179:JPM262185 JZI262179:JZI262185 KJE262179:KJE262185 KTA262179:KTA262185 LCW262179:LCW262185 LMS262179:LMS262185 LWO262179:LWO262185 MGK262179:MGK262185 MQG262179:MQG262185 NAC262179:NAC262185 NJY262179:NJY262185 NTU262179:NTU262185 ODQ262179:ODQ262185 ONM262179:ONM262185 OXI262179:OXI262185 PHE262179:PHE262185 PRA262179:PRA262185 QAW262179:QAW262185 QKS262179:QKS262185 QUO262179:QUO262185 REK262179:REK262185 ROG262179:ROG262185 RYC262179:RYC262185 SHY262179:SHY262185 SRU262179:SRU262185 TBQ262179:TBQ262185 TLM262179:TLM262185 TVI262179:TVI262185 UFE262179:UFE262185 UPA262179:UPA262185 UYW262179:UYW262185 VIS262179:VIS262185 VSO262179:VSO262185 WCK262179:WCK262185 WMG262179:WMG262185 WWC262179:WWC262185 Y327715:Y327721 JQ327715:JQ327721 TM327715:TM327721 ADI327715:ADI327721 ANE327715:ANE327721 AXA327715:AXA327721 BGW327715:BGW327721 BQS327715:BQS327721 CAO327715:CAO327721 CKK327715:CKK327721 CUG327715:CUG327721 DEC327715:DEC327721 DNY327715:DNY327721 DXU327715:DXU327721 EHQ327715:EHQ327721 ERM327715:ERM327721 FBI327715:FBI327721 FLE327715:FLE327721 FVA327715:FVA327721 GEW327715:GEW327721 GOS327715:GOS327721 GYO327715:GYO327721 HIK327715:HIK327721 HSG327715:HSG327721 ICC327715:ICC327721 ILY327715:ILY327721 IVU327715:IVU327721 JFQ327715:JFQ327721 JPM327715:JPM327721 JZI327715:JZI327721 KJE327715:KJE327721 KTA327715:KTA327721 LCW327715:LCW327721 LMS327715:LMS327721 LWO327715:LWO327721 MGK327715:MGK327721 MQG327715:MQG327721 NAC327715:NAC327721 NJY327715:NJY327721 NTU327715:NTU327721 ODQ327715:ODQ327721 ONM327715:ONM327721 OXI327715:OXI327721 PHE327715:PHE327721 PRA327715:PRA327721 QAW327715:QAW327721 QKS327715:QKS327721 QUO327715:QUO327721 REK327715:REK327721 ROG327715:ROG327721 RYC327715:RYC327721 SHY327715:SHY327721 SRU327715:SRU327721 TBQ327715:TBQ327721 TLM327715:TLM327721 TVI327715:TVI327721 UFE327715:UFE327721 UPA327715:UPA327721 UYW327715:UYW327721 VIS327715:VIS327721 VSO327715:VSO327721 WCK327715:WCK327721 WMG327715:WMG327721 WWC327715:WWC327721 Y393251:Y393257 JQ393251:JQ393257 TM393251:TM393257 ADI393251:ADI393257 ANE393251:ANE393257 AXA393251:AXA393257 BGW393251:BGW393257 BQS393251:BQS393257 CAO393251:CAO393257 CKK393251:CKK393257 CUG393251:CUG393257 DEC393251:DEC393257 DNY393251:DNY393257 DXU393251:DXU393257 EHQ393251:EHQ393257 ERM393251:ERM393257 FBI393251:FBI393257 FLE393251:FLE393257 FVA393251:FVA393257 GEW393251:GEW393257 GOS393251:GOS393257 GYO393251:GYO393257 HIK393251:HIK393257 HSG393251:HSG393257 ICC393251:ICC393257 ILY393251:ILY393257 IVU393251:IVU393257 JFQ393251:JFQ393257 JPM393251:JPM393257 JZI393251:JZI393257 KJE393251:KJE393257 KTA393251:KTA393257 LCW393251:LCW393257 LMS393251:LMS393257 LWO393251:LWO393257 MGK393251:MGK393257 MQG393251:MQG393257 NAC393251:NAC393257 NJY393251:NJY393257 NTU393251:NTU393257 ODQ393251:ODQ393257 ONM393251:ONM393257 OXI393251:OXI393257 PHE393251:PHE393257 PRA393251:PRA393257 QAW393251:QAW393257 QKS393251:QKS393257 QUO393251:QUO393257 REK393251:REK393257 ROG393251:ROG393257 RYC393251:RYC393257 SHY393251:SHY393257 SRU393251:SRU393257 TBQ393251:TBQ393257 TLM393251:TLM393257 TVI393251:TVI393257 UFE393251:UFE393257 UPA393251:UPA393257 UYW393251:UYW393257 VIS393251:VIS393257 VSO393251:VSO393257 WCK393251:WCK393257 WMG393251:WMG393257 WWC393251:WWC393257 Y458787:Y458793 JQ458787:JQ458793 TM458787:TM458793 ADI458787:ADI458793 ANE458787:ANE458793 AXA458787:AXA458793 BGW458787:BGW458793 BQS458787:BQS458793 CAO458787:CAO458793 CKK458787:CKK458793 CUG458787:CUG458793 DEC458787:DEC458793 DNY458787:DNY458793 DXU458787:DXU458793 EHQ458787:EHQ458793 ERM458787:ERM458793 FBI458787:FBI458793 FLE458787:FLE458793 FVA458787:FVA458793 GEW458787:GEW458793 GOS458787:GOS458793 GYO458787:GYO458793 HIK458787:HIK458793 HSG458787:HSG458793 ICC458787:ICC458793 ILY458787:ILY458793 IVU458787:IVU458793 JFQ458787:JFQ458793 JPM458787:JPM458793 JZI458787:JZI458793 KJE458787:KJE458793 KTA458787:KTA458793 LCW458787:LCW458793 LMS458787:LMS458793 LWO458787:LWO458793 MGK458787:MGK458793 MQG458787:MQG458793 NAC458787:NAC458793 NJY458787:NJY458793 NTU458787:NTU458793 ODQ458787:ODQ458793 ONM458787:ONM458793 OXI458787:OXI458793 PHE458787:PHE458793 PRA458787:PRA458793 QAW458787:QAW458793 QKS458787:QKS458793 QUO458787:QUO458793 REK458787:REK458793 ROG458787:ROG458793 RYC458787:RYC458793 SHY458787:SHY458793 SRU458787:SRU458793 TBQ458787:TBQ458793 TLM458787:TLM458793 TVI458787:TVI458793 UFE458787:UFE458793 UPA458787:UPA458793 UYW458787:UYW458793 VIS458787:VIS458793 VSO458787:VSO458793 WCK458787:WCK458793 WMG458787:WMG458793 WWC458787:WWC458793 Y524323:Y524329 JQ524323:JQ524329 TM524323:TM524329 ADI524323:ADI524329 ANE524323:ANE524329 AXA524323:AXA524329 BGW524323:BGW524329 BQS524323:BQS524329 CAO524323:CAO524329 CKK524323:CKK524329 CUG524323:CUG524329 DEC524323:DEC524329 DNY524323:DNY524329 DXU524323:DXU524329 EHQ524323:EHQ524329 ERM524323:ERM524329 FBI524323:FBI524329 FLE524323:FLE524329 FVA524323:FVA524329 GEW524323:GEW524329 GOS524323:GOS524329 GYO524323:GYO524329 HIK524323:HIK524329 HSG524323:HSG524329 ICC524323:ICC524329 ILY524323:ILY524329 IVU524323:IVU524329 JFQ524323:JFQ524329 JPM524323:JPM524329 JZI524323:JZI524329 KJE524323:KJE524329 KTA524323:KTA524329 LCW524323:LCW524329 LMS524323:LMS524329 LWO524323:LWO524329 MGK524323:MGK524329 MQG524323:MQG524329 NAC524323:NAC524329 NJY524323:NJY524329 NTU524323:NTU524329 ODQ524323:ODQ524329 ONM524323:ONM524329 OXI524323:OXI524329 PHE524323:PHE524329 PRA524323:PRA524329 QAW524323:QAW524329 QKS524323:QKS524329 QUO524323:QUO524329 REK524323:REK524329 ROG524323:ROG524329 RYC524323:RYC524329 SHY524323:SHY524329 SRU524323:SRU524329 TBQ524323:TBQ524329 TLM524323:TLM524329 TVI524323:TVI524329 UFE524323:UFE524329 UPA524323:UPA524329 UYW524323:UYW524329 VIS524323:VIS524329 VSO524323:VSO524329 WCK524323:WCK524329 WMG524323:WMG524329 WWC524323:WWC524329 Y589859:Y589865 JQ589859:JQ589865 TM589859:TM589865 ADI589859:ADI589865 ANE589859:ANE589865 AXA589859:AXA589865 BGW589859:BGW589865 BQS589859:BQS589865 CAO589859:CAO589865 CKK589859:CKK589865 CUG589859:CUG589865 DEC589859:DEC589865 DNY589859:DNY589865 DXU589859:DXU589865 EHQ589859:EHQ589865 ERM589859:ERM589865 FBI589859:FBI589865 FLE589859:FLE589865 FVA589859:FVA589865 GEW589859:GEW589865 GOS589859:GOS589865 GYO589859:GYO589865 HIK589859:HIK589865 HSG589859:HSG589865 ICC589859:ICC589865 ILY589859:ILY589865 IVU589859:IVU589865 JFQ589859:JFQ589865 JPM589859:JPM589865 JZI589859:JZI589865 KJE589859:KJE589865 KTA589859:KTA589865 LCW589859:LCW589865 LMS589859:LMS589865 LWO589859:LWO589865 MGK589859:MGK589865 MQG589859:MQG589865 NAC589859:NAC589865 NJY589859:NJY589865 NTU589859:NTU589865 ODQ589859:ODQ589865 ONM589859:ONM589865 OXI589859:OXI589865 PHE589859:PHE589865 PRA589859:PRA589865 QAW589859:QAW589865 QKS589859:QKS589865 QUO589859:QUO589865 REK589859:REK589865 ROG589859:ROG589865 RYC589859:RYC589865 SHY589859:SHY589865 SRU589859:SRU589865 TBQ589859:TBQ589865 TLM589859:TLM589865 TVI589859:TVI589865 UFE589859:UFE589865 UPA589859:UPA589865 UYW589859:UYW589865 VIS589859:VIS589865 VSO589859:VSO589865 WCK589859:WCK589865 WMG589859:WMG589865 WWC589859:WWC589865 Y655395:Y655401 JQ655395:JQ655401 TM655395:TM655401 ADI655395:ADI655401 ANE655395:ANE655401 AXA655395:AXA655401 BGW655395:BGW655401 BQS655395:BQS655401 CAO655395:CAO655401 CKK655395:CKK655401 CUG655395:CUG655401 DEC655395:DEC655401 DNY655395:DNY655401 DXU655395:DXU655401 EHQ655395:EHQ655401 ERM655395:ERM655401 FBI655395:FBI655401 FLE655395:FLE655401 FVA655395:FVA655401 GEW655395:GEW655401 GOS655395:GOS655401 GYO655395:GYO655401 HIK655395:HIK655401 HSG655395:HSG655401 ICC655395:ICC655401 ILY655395:ILY655401 IVU655395:IVU655401 JFQ655395:JFQ655401 JPM655395:JPM655401 JZI655395:JZI655401 KJE655395:KJE655401 KTA655395:KTA655401 LCW655395:LCW655401 LMS655395:LMS655401 LWO655395:LWO655401 MGK655395:MGK655401 MQG655395:MQG655401 NAC655395:NAC655401 NJY655395:NJY655401 NTU655395:NTU655401 ODQ655395:ODQ655401 ONM655395:ONM655401 OXI655395:OXI655401 PHE655395:PHE655401 PRA655395:PRA655401 QAW655395:QAW655401 QKS655395:QKS655401 QUO655395:QUO655401 REK655395:REK655401 ROG655395:ROG655401 RYC655395:RYC655401 SHY655395:SHY655401 SRU655395:SRU655401 TBQ655395:TBQ655401 TLM655395:TLM655401 TVI655395:TVI655401 UFE655395:UFE655401 UPA655395:UPA655401 UYW655395:UYW655401 VIS655395:VIS655401 VSO655395:VSO655401 WCK655395:WCK655401 WMG655395:WMG655401 WWC655395:WWC655401 Y720931:Y720937 JQ720931:JQ720937 TM720931:TM720937 ADI720931:ADI720937 ANE720931:ANE720937 AXA720931:AXA720937 BGW720931:BGW720937 BQS720931:BQS720937 CAO720931:CAO720937 CKK720931:CKK720937 CUG720931:CUG720937 DEC720931:DEC720937 DNY720931:DNY720937 DXU720931:DXU720937 EHQ720931:EHQ720937 ERM720931:ERM720937 FBI720931:FBI720937 FLE720931:FLE720937 FVA720931:FVA720937 GEW720931:GEW720937 GOS720931:GOS720937 GYO720931:GYO720937 HIK720931:HIK720937 HSG720931:HSG720937 ICC720931:ICC720937 ILY720931:ILY720937 IVU720931:IVU720937 JFQ720931:JFQ720937 JPM720931:JPM720937 JZI720931:JZI720937 KJE720931:KJE720937 KTA720931:KTA720937 LCW720931:LCW720937 LMS720931:LMS720937 LWO720931:LWO720937 MGK720931:MGK720937 MQG720931:MQG720937 NAC720931:NAC720937 NJY720931:NJY720937 NTU720931:NTU720937 ODQ720931:ODQ720937 ONM720931:ONM720937 OXI720931:OXI720937 PHE720931:PHE720937 PRA720931:PRA720937 QAW720931:QAW720937 QKS720931:QKS720937 QUO720931:QUO720937 REK720931:REK720937 ROG720931:ROG720937 RYC720931:RYC720937 SHY720931:SHY720937 SRU720931:SRU720937 TBQ720931:TBQ720937 TLM720931:TLM720937 TVI720931:TVI720937 UFE720931:UFE720937 UPA720931:UPA720937 UYW720931:UYW720937 VIS720931:VIS720937 VSO720931:VSO720937 WCK720931:WCK720937 WMG720931:WMG720937 WWC720931:WWC720937 Y786467:Y786473 JQ786467:JQ786473 TM786467:TM786473 ADI786467:ADI786473 ANE786467:ANE786473 AXA786467:AXA786473 BGW786467:BGW786473 BQS786467:BQS786473 CAO786467:CAO786473 CKK786467:CKK786473 CUG786467:CUG786473 DEC786467:DEC786473 DNY786467:DNY786473 DXU786467:DXU786473 EHQ786467:EHQ786473 ERM786467:ERM786473 FBI786467:FBI786473 FLE786467:FLE786473 FVA786467:FVA786473 GEW786467:GEW786473 GOS786467:GOS786473 GYO786467:GYO786473 HIK786467:HIK786473 HSG786467:HSG786473 ICC786467:ICC786473 ILY786467:ILY786473 IVU786467:IVU786473 JFQ786467:JFQ786473 JPM786467:JPM786473 JZI786467:JZI786473 KJE786467:KJE786473 KTA786467:KTA786473 LCW786467:LCW786473 LMS786467:LMS786473 LWO786467:LWO786473 MGK786467:MGK786473 MQG786467:MQG786473 NAC786467:NAC786473 NJY786467:NJY786473 NTU786467:NTU786473 ODQ786467:ODQ786473 ONM786467:ONM786473 OXI786467:OXI786473 PHE786467:PHE786473 PRA786467:PRA786473 QAW786467:QAW786473 QKS786467:QKS786473 QUO786467:QUO786473 REK786467:REK786473 ROG786467:ROG786473 RYC786467:RYC786473 SHY786467:SHY786473 SRU786467:SRU786473 TBQ786467:TBQ786473 TLM786467:TLM786473 TVI786467:TVI786473 UFE786467:UFE786473 UPA786467:UPA786473 UYW786467:UYW786473 VIS786467:VIS786473 VSO786467:VSO786473 WCK786467:WCK786473 WMG786467:WMG786473 WWC786467:WWC786473 Y852003:Y852009 JQ852003:JQ852009 TM852003:TM852009 ADI852003:ADI852009 ANE852003:ANE852009 AXA852003:AXA852009 BGW852003:BGW852009 BQS852003:BQS852009 CAO852003:CAO852009 CKK852003:CKK852009 CUG852003:CUG852009 DEC852003:DEC852009 DNY852003:DNY852009 DXU852003:DXU852009 EHQ852003:EHQ852009 ERM852003:ERM852009 FBI852003:FBI852009 FLE852003:FLE852009 FVA852003:FVA852009 GEW852003:GEW852009 GOS852003:GOS852009 GYO852003:GYO852009 HIK852003:HIK852009 HSG852003:HSG852009 ICC852003:ICC852009 ILY852003:ILY852009 IVU852003:IVU852009 JFQ852003:JFQ852009 JPM852003:JPM852009 JZI852003:JZI852009 KJE852003:KJE852009 KTA852003:KTA852009 LCW852003:LCW852009 LMS852003:LMS852009 LWO852003:LWO852009 MGK852003:MGK852009 MQG852003:MQG852009 NAC852003:NAC852009 NJY852003:NJY852009 NTU852003:NTU852009 ODQ852003:ODQ852009 ONM852003:ONM852009 OXI852003:OXI852009 PHE852003:PHE852009 PRA852003:PRA852009 QAW852003:QAW852009 QKS852003:QKS852009 QUO852003:QUO852009 REK852003:REK852009 ROG852003:ROG852009 RYC852003:RYC852009 SHY852003:SHY852009 SRU852003:SRU852009 TBQ852003:TBQ852009 TLM852003:TLM852009 TVI852003:TVI852009 UFE852003:UFE852009 UPA852003:UPA852009 UYW852003:UYW852009 VIS852003:VIS852009 VSO852003:VSO852009 WCK852003:WCK852009 WMG852003:WMG852009 WWC852003:WWC852009 Y917539:Y917545 JQ917539:JQ917545 TM917539:TM917545 ADI917539:ADI917545 ANE917539:ANE917545 AXA917539:AXA917545 BGW917539:BGW917545 BQS917539:BQS917545 CAO917539:CAO917545 CKK917539:CKK917545 CUG917539:CUG917545 DEC917539:DEC917545 DNY917539:DNY917545 DXU917539:DXU917545 EHQ917539:EHQ917545 ERM917539:ERM917545 FBI917539:FBI917545 FLE917539:FLE917545 FVA917539:FVA917545 GEW917539:GEW917545 GOS917539:GOS917545 GYO917539:GYO917545 HIK917539:HIK917545 HSG917539:HSG917545 ICC917539:ICC917545 ILY917539:ILY917545 IVU917539:IVU917545 JFQ917539:JFQ917545 JPM917539:JPM917545 JZI917539:JZI917545 KJE917539:KJE917545 KTA917539:KTA917545 LCW917539:LCW917545 LMS917539:LMS917545 LWO917539:LWO917545 MGK917539:MGK917545 MQG917539:MQG917545 NAC917539:NAC917545 NJY917539:NJY917545 NTU917539:NTU917545 ODQ917539:ODQ917545 ONM917539:ONM917545 OXI917539:OXI917545 PHE917539:PHE917545 PRA917539:PRA917545 QAW917539:QAW917545 QKS917539:QKS917545 QUO917539:QUO917545 REK917539:REK917545 ROG917539:ROG917545 RYC917539:RYC917545 SHY917539:SHY917545 SRU917539:SRU917545 TBQ917539:TBQ917545 TLM917539:TLM917545 TVI917539:TVI917545 UFE917539:UFE917545 UPA917539:UPA917545 UYW917539:UYW917545 VIS917539:VIS917545 VSO917539:VSO917545 WCK917539:WCK917545 WMG917539:WMG917545 WWC917539:WWC917545 Y983075:Y983081 JQ983075:JQ983081 TM983075:TM983081 ADI983075:ADI983081 ANE983075:ANE983081 AXA983075:AXA983081 BGW983075:BGW983081 BQS983075:BQS983081 CAO983075:CAO983081 CKK983075:CKK983081 CUG983075:CUG983081 DEC983075:DEC983081 DNY983075:DNY983081 DXU983075:DXU983081 EHQ983075:EHQ983081 ERM983075:ERM983081 FBI983075:FBI983081 FLE983075:FLE983081 FVA983075:FVA983081 GEW983075:GEW983081 GOS983075:GOS983081 GYO983075:GYO983081 HIK983075:HIK983081 HSG983075:HSG983081 ICC983075:ICC983081 ILY983075:ILY983081 IVU983075:IVU983081 JFQ983075:JFQ983081 JPM983075:JPM983081 JZI983075:JZI983081 KJE983075:KJE983081 KTA983075:KTA983081 LCW983075:LCW983081 LMS983075:LMS983081 LWO983075:LWO983081 MGK983075:MGK983081 MQG983075:MQG983081 NAC983075:NAC983081 NJY983075:NJY983081 NTU983075:NTU983081 ODQ983075:ODQ983081 ONM983075:ONM983081 OXI983075:OXI983081 PHE983075:PHE983081 PRA983075:PRA983081 QAW983075:QAW983081 QKS983075:QKS983081 QUO983075:QUO983081 REK983075:REK983081 ROG983075:ROG983081 RYC983075:RYC983081 SHY983075:SHY983081 SRU983075:SRU983081 TBQ983075:TBQ983081 TLM983075:TLM983081 TVI983075:TVI983081 UFE983075:UFE983081 UPA983075:UPA983081 UYW983075:UYW983081 VIS983075:VIS983081 VSO983075:VSO983081 WCK983075:WCK983081 WMG983075:WMG983081 WWC983075:WWC983081 AB39:AB45 JT39:JT45 TP39:TP45 ADL39:ADL45 ANH39:ANH45 AXD39:AXD45 BGZ39:BGZ45 BQV39:BQV45 CAR39:CAR45 CKN39:CKN45 CUJ39:CUJ45 DEF39:DEF45 DOB39:DOB45 DXX39:DXX45 EHT39:EHT45 ERP39:ERP45 FBL39:FBL45 FLH39:FLH45 FVD39:FVD45 GEZ39:GEZ45 GOV39:GOV45 GYR39:GYR45 HIN39:HIN45 HSJ39:HSJ45 ICF39:ICF45 IMB39:IMB45 IVX39:IVX45 JFT39:JFT45 JPP39:JPP45 JZL39:JZL45 KJH39:KJH45 KTD39:KTD45 LCZ39:LCZ45 LMV39:LMV45 LWR39:LWR45 MGN39:MGN45 MQJ39:MQJ45 NAF39:NAF45 NKB39:NKB45 NTX39:NTX45 ODT39:ODT45 ONP39:ONP45 OXL39:OXL45 PHH39:PHH45 PRD39:PRD45 QAZ39:QAZ45 QKV39:QKV45 QUR39:QUR45 REN39:REN45 ROJ39:ROJ45 RYF39:RYF45 SIB39:SIB45 SRX39:SRX45 TBT39:TBT45 TLP39:TLP45 TVL39:TVL45 UFH39:UFH45 UPD39:UPD45 UYZ39:UYZ45 VIV39:VIV45 VSR39:VSR45 WCN39:WCN45 WMJ39:WMJ45 WWF39:WWF45 AB65571:AB65577 JT65571:JT65577 TP65571:TP65577 ADL65571:ADL65577 ANH65571:ANH65577 AXD65571:AXD65577 BGZ65571:BGZ65577 BQV65571:BQV65577 CAR65571:CAR65577 CKN65571:CKN65577 CUJ65571:CUJ65577 DEF65571:DEF65577 DOB65571:DOB65577 DXX65571:DXX65577 EHT65571:EHT65577 ERP65571:ERP65577 FBL65571:FBL65577 FLH65571:FLH65577 FVD65571:FVD65577 GEZ65571:GEZ65577 GOV65571:GOV65577 GYR65571:GYR65577 HIN65571:HIN65577 HSJ65571:HSJ65577 ICF65571:ICF65577 IMB65571:IMB65577 IVX65571:IVX65577 JFT65571:JFT65577 JPP65571:JPP65577 JZL65571:JZL65577 KJH65571:KJH65577 KTD65571:KTD65577 LCZ65571:LCZ65577 LMV65571:LMV65577 LWR65571:LWR65577 MGN65571:MGN65577 MQJ65571:MQJ65577 NAF65571:NAF65577 NKB65571:NKB65577 NTX65571:NTX65577 ODT65571:ODT65577 ONP65571:ONP65577 OXL65571:OXL65577 PHH65571:PHH65577 PRD65571:PRD65577 QAZ65571:QAZ65577 QKV65571:QKV65577 QUR65571:QUR65577 REN65571:REN65577 ROJ65571:ROJ65577 RYF65571:RYF65577 SIB65571:SIB65577 SRX65571:SRX65577 TBT65571:TBT65577 TLP65571:TLP65577 TVL65571:TVL65577 UFH65571:UFH65577 UPD65571:UPD65577 UYZ65571:UYZ65577 VIV65571:VIV65577 VSR65571:VSR65577 WCN65571:WCN65577 WMJ65571:WMJ65577 WWF65571:WWF65577 AB131107:AB131113 JT131107:JT131113 TP131107:TP131113 ADL131107:ADL131113 ANH131107:ANH131113 AXD131107:AXD131113 BGZ131107:BGZ131113 BQV131107:BQV131113 CAR131107:CAR131113 CKN131107:CKN131113 CUJ131107:CUJ131113 DEF131107:DEF131113 DOB131107:DOB131113 DXX131107:DXX131113 EHT131107:EHT131113 ERP131107:ERP131113 FBL131107:FBL131113 FLH131107:FLH131113 FVD131107:FVD131113 GEZ131107:GEZ131113 GOV131107:GOV131113 GYR131107:GYR131113 HIN131107:HIN131113 HSJ131107:HSJ131113 ICF131107:ICF131113 IMB131107:IMB131113 IVX131107:IVX131113 JFT131107:JFT131113 JPP131107:JPP131113 JZL131107:JZL131113 KJH131107:KJH131113 KTD131107:KTD131113 LCZ131107:LCZ131113 LMV131107:LMV131113 LWR131107:LWR131113 MGN131107:MGN131113 MQJ131107:MQJ131113 NAF131107:NAF131113 NKB131107:NKB131113 NTX131107:NTX131113 ODT131107:ODT131113 ONP131107:ONP131113 OXL131107:OXL131113 PHH131107:PHH131113 PRD131107:PRD131113 QAZ131107:QAZ131113 QKV131107:QKV131113 QUR131107:QUR131113 REN131107:REN131113 ROJ131107:ROJ131113 RYF131107:RYF131113 SIB131107:SIB131113 SRX131107:SRX131113 TBT131107:TBT131113 TLP131107:TLP131113 TVL131107:TVL131113 UFH131107:UFH131113 UPD131107:UPD131113 UYZ131107:UYZ131113 VIV131107:VIV131113 VSR131107:VSR131113 WCN131107:WCN131113 WMJ131107:WMJ131113 WWF131107:WWF131113 AB196643:AB196649 JT196643:JT196649 TP196643:TP196649 ADL196643:ADL196649 ANH196643:ANH196649 AXD196643:AXD196649 BGZ196643:BGZ196649 BQV196643:BQV196649 CAR196643:CAR196649 CKN196643:CKN196649 CUJ196643:CUJ196649 DEF196643:DEF196649 DOB196643:DOB196649 DXX196643:DXX196649 EHT196643:EHT196649 ERP196643:ERP196649 FBL196643:FBL196649 FLH196643:FLH196649 FVD196643:FVD196649 GEZ196643:GEZ196649 GOV196643:GOV196649 GYR196643:GYR196649 HIN196643:HIN196649 HSJ196643:HSJ196649 ICF196643:ICF196649 IMB196643:IMB196649 IVX196643:IVX196649 JFT196643:JFT196649 JPP196643:JPP196649 JZL196643:JZL196649 KJH196643:KJH196649 KTD196643:KTD196649 LCZ196643:LCZ196649 LMV196643:LMV196649 LWR196643:LWR196649 MGN196643:MGN196649 MQJ196643:MQJ196649 NAF196643:NAF196649 NKB196643:NKB196649 NTX196643:NTX196649 ODT196643:ODT196649 ONP196643:ONP196649 OXL196643:OXL196649 PHH196643:PHH196649 PRD196643:PRD196649 QAZ196643:QAZ196649 QKV196643:QKV196649 QUR196643:QUR196649 REN196643:REN196649 ROJ196643:ROJ196649 RYF196643:RYF196649 SIB196643:SIB196649 SRX196643:SRX196649 TBT196643:TBT196649 TLP196643:TLP196649 TVL196643:TVL196649 UFH196643:UFH196649 UPD196643:UPD196649 UYZ196643:UYZ196649 VIV196643:VIV196649 VSR196643:VSR196649 WCN196643:WCN196649 WMJ196643:WMJ196649 WWF196643:WWF196649 AB262179:AB262185 JT262179:JT262185 TP262179:TP262185 ADL262179:ADL262185 ANH262179:ANH262185 AXD262179:AXD262185 BGZ262179:BGZ262185 BQV262179:BQV262185 CAR262179:CAR262185 CKN262179:CKN262185 CUJ262179:CUJ262185 DEF262179:DEF262185 DOB262179:DOB262185 DXX262179:DXX262185 EHT262179:EHT262185 ERP262179:ERP262185 FBL262179:FBL262185 FLH262179:FLH262185 FVD262179:FVD262185 GEZ262179:GEZ262185 GOV262179:GOV262185 GYR262179:GYR262185 HIN262179:HIN262185 HSJ262179:HSJ262185 ICF262179:ICF262185 IMB262179:IMB262185 IVX262179:IVX262185 JFT262179:JFT262185 JPP262179:JPP262185 JZL262179:JZL262185 KJH262179:KJH262185 KTD262179:KTD262185 LCZ262179:LCZ262185 LMV262179:LMV262185 LWR262179:LWR262185 MGN262179:MGN262185 MQJ262179:MQJ262185 NAF262179:NAF262185 NKB262179:NKB262185 NTX262179:NTX262185 ODT262179:ODT262185 ONP262179:ONP262185 OXL262179:OXL262185 PHH262179:PHH262185 PRD262179:PRD262185 QAZ262179:QAZ262185 QKV262179:QKV262185 QUR262179:QUR262185 REN262179:REN262185 ROJ262179:ROJ262185 RYF262179:RYF262185 SIB262179:SIB262185 SRX262179:SRX262185 TBT262179:TBT262185 TLP262179:TLP262185 TVL262179:TVL262185 UFH262179:UFH262185 UPD262179:UPD262185 UYZ262179:UYZ262185 VIV262179:VIV262185 VSR262179:VSR262185 WCN262179:WCN262185 WMJ262179:WMJ262185 WWF262179:WWF262185 AB327715:AB327721 JT327715:JT327721 TP327715:TP327721 ADL327715:ADL327721 ANH327715:ANH327721 AXD327715:AXD327721 BGZ327715:BGZ327721 BQV327715:BQV327721 CAR327715:CAR327721 CKN327715:CKN327721 CUJ327715:CUJ327721 DEF327715:DEF327721 DOB327715:DOB327721 DXX327715:DXX327721 EHT327715:EHT327721 ERP327715:ERP327721 FBL327715:FBL327721 FLH327715:FLH327721 FVD327715:FVD327721 GEZ327715:GEZ327721 GOV327715:GOV327721 GYR327715:GYR327721 HIN327715:HIN327721 HSJ327715:HSJ327721 ICF327715:ICF327721 IMB327715:IMB327721 IVX327715:IVX327721 JFT327715:JFT327721 JPP327715:JPP327721 JZL327715:JZL327721 KJH327715:KJH327721 KTD327715:KTD327721 LCZ327715:LCZ327721 LMV327715:LMV327721 LWR327715:LWR327721 MGN327715:MGN327721 MQJ327715:MQJ327721 NAF327715:NAF327721 NKB327715:NKB327721 NTX327715:NTX327721 ODT327715:ODT327721 ONP327715:ONP327721 OXL327715:OXL327721 PHH327715:PHH327721 PRD327715:PRD327721 QAZ327715:QAZ327721 QKV327715:QKV327721 QUR327715:QUR327721 REN327715:REN327721 ROJ327715:ROJ327721 RYF327715:RYF327721 SIB327715:SIB327721 SRX327715:SRX327721 TBT327715:TBT327721 TLP327715:TLP327721 TVL327715:TVL327721 UFH327715:UFH327721 UPD327715:UPD327721 UYZ327715:UYZ327721 VIV327715:VIV327721 VSR327715:VSR327721 WCN327715:WCN327721 WMJ327715:WMJ327721 WWF327715:WWF327721 AB393251:AB393257 JT393251:JT393257 TP393251:TP393257 ADL393251:ADL393257 ANH393251:ANH393257 AXD393251:AXD393257 BGZ393251:BGZ393257 BQV393251:BQV393257 CAR393251:CAR393257 CKN393251:CKN393257 CUJ393251:CUJ393257 DEF393251:DEF393257 DOB393251:DOB393257 DXX393251:DXX393257 EHT393251:EHT393257 ERP393251:ERP393257 FBL393251:FBL393257 FLH393251:FLH393257 FVD393251:FVD393257 GEZ393251:GEZ393257 GOV393251:GOV393257 GYR393251:GYR393257 HIN393251:HIN393257 HSJ393251:HSJ393257 ICF393251:ICF393257 IMB393251:IMB393257 IVX393251:IVX393257 JFT393251:JFT393257 JPP393251:JPP393257 JZL393251:JZL393257 KJH393251:KJH393257 KTD393251:KTD393257 LCZ393251:LCZ393257 LMV393251:LMV393257 LWR393251:LWR393257 MGN393251:MGN393257 MQJ393251:MQJ393257 NAF393251:NAF393257 NKB393251:NKB393257 NTX393251:NTX393257 ODT393251:ODT393257 ONP393251:ONP393257 OXL393251:OXL393257 PHH393251:PHH393257 PRD393251:PRD393257 QAZ393251:QAZ393257 QKV393251:QKV393257 QUR393251:QUR393257 REN393251:REN393257 ROJ393251:ROJ393257 RYF393251:RYF393257 SIB393251:SIB393257 SRX393251:SRX393257 TBT393251:TBT393257 TLP393251:TLP393257 TVL393251:TVL393257 UFH393251:UFH393257 UPD393251:UPD393257 UYZ393251:UYZ393257 VIV393251:VIV393257 VSR393251:VSR393257 WCN393251:WCN393257 WMJ393251:WMJ393257 WWF393251:WWF393257 AB458787:AB458793 JT458787:JT458793 TP458787:TP458793 ADL458787:ADL458793 ANH458787:ANH458793 AXD458787:AXD458793 BGZ458787:BGZ458793 BQV458787:BQV458793 CAR458787:CAR458793 CKN458787:CKN458793 CUJ458787:CUJ458793 DEF458787:DEF458793 DOB458787:DOB458793 DXX458787:DXX458793 EHT458787:EHT458793 ERP458787:ERP458793 FBL458787:FBL458793 FLH458787:FLH458793 FVD458787:FVD458793 GEZ458787:GEZ458793 GOV458787:GOV458793 GYR458787:GYR458793 HIN458787:HIN458793 HSJ458787:HSJ458793 ICF458787:ICF458793 IMB458787:IMB458793 IVX458787:IVX458793 JFT458787:JFT458793 JPP458787:JPP458793 JZL458787:JZL458793 KJH458787:KJH458793 KTD458787:KTD458793 LCZ458787:LCZ458793 LMV458787:LMV458793 LWR458787:LWR458793 MGN458787:MGN458793 MQJ458787:MQJ458793 NAF458787:NAF458793 NKB458787:NKB458793 NTX458787:NTX458793 ODT458787:ODT458793 ONP458787:ONP458793 OXL458787:OXL458793 PHH458787:PHH458793 PRD458787:PRD458793 QAZ458787:QAZ458793 QKV458787:QKV458793 QUR458787:QUR458793 REN458787:REN458793 ROJ458787:ROJ458793 RYF458787:RYF458793 SIB458787:SIB458793 SRX458787:SRX458793 TBT458787:TBT458793 TLP458787:TLP458793 TVL458787:TVL458793 UFH458787:UFH458793 UPD458787:UPD458793 UYZ458787:UYZ458793 VIV458787:VIV458793 VSR458787:VSR458793 WCN458787:WCN458793 WMJ458787:WMJ458793 WWF458787:WWF458793 AB524323:AB524329 JT524323:JT524329 TP524323:TP524329 ADL524323:ADL524329 ANH524323:ANH524329 AXD524323:AXD524329 BGZ524323:BGZ524329 BQV524323:BQV524329 CAR524323:CAR524329 CKN524323:CKN524329 CUJ524323:CUJ524329 DEF524323:DEF524329 DOB524323:DOB524329 DXX524323:DXX524329 EHT524323:EHT524329 ERP524323:ERP524329 FBL524323:FBL524329 FLH524323:FLH524329 FVD524323:FVD524329 GEZ524323:GEZ524329 GOV524323:GOV524329 GYR524323:GYR524329 HIN524323:HIN524329 HSJ524323:HSJ524329 ICF524323:ICF524329 IMB524323:IMB524329 IVX524323:IVX524329 JFT524323:JFT524329 JPP524323:JPP524329 JZL524323:JZL524329 KJH524323:KJH524329 KTD524323:KTD524329 LCZ524323:LCZ524329 LMV524323:LMV524329 LWR524323:LWR524329 MGN524323:MGN524329 MQJ524323:MQJ524329 NAF524323:NAF524329 NKB524323:NKB524329 NTX524323:NTX524329 ODT524323:ODT524329 ONP524323:ONP524329 OXL524323:OXL524329 PHH524323:PHH524329 PRD524323:PRD524329 QAZ524323:QAZ524329 QKV524323:QKV524329 QUR524323:QUR524329 REN524323:REN524329 ROJ524323:ROJ524329 RYF524323:RYF524329 SIB524323:SIB524329 SRX524323:SRX524329 TBT524323:TBT524329 TLP524323:TLP524329 TVL524323:TVL524329 UFH524323:UFH524329 UPD524323:UPD524329 UYZ524323:UYZ524329 VIV524323:VIV524329 VSR524323:VSR524329 WCN524323:WCN524329 WMJ524323:WMJ524329 WWF524323:WWF524329 AB589859:AB589865 JT589859:JT589865 TP589859:TP589865 ADL589859:ADL589865 ANH589859:ANH589865 AXD589859:AXD589865 BGZ589859:BGZ589865 BQV589859:BQV589865 CAR589859:CAR589865 CKN589859:CKN589865 CUJ589859:CUJ589865 DEF589859:DEF589865 DOB589859:DOB589865 DXX589859:DXX589865 EHT589859:EHT589865 ERP589859:ERP589865 FBL589859:FBL589865 FLH589859:FLH589865 FVD589859:FVD589865 GEZ589859:GEZ589865 GOV589859:GOV589865 GYR589859:GYR589865 HIN589859:HIN589865 HSJ589859:HSJ589865 ICF589859:ICF589865 IMB589859:IMB589865 IVX589859:IVX589865 JFT589859:JFT589865 JPP589859:JPP589865 JZL589859:JZL589865 KJH589859:KJH589865 KTD589859:KTD589865 LCZ589859:LCZ589865 LMV589859:LMV589865 LWR589859:LWR589865 MGN589859:MGN589865 MQJ589859:MQJ589865 NAF589859:NAF589865 NKB589859:NKB589865 NTX589859:NTX589865 ODT589859:ODT589865 ONP589859:ONP589865 OXL589859:OXL589865 PHH589859:PHH589865 PRD589859:PRD589865 QAZ589859:QAZ589865 QKV589859:QKV589865 QUR589859:QUR589865 REN589859:REN589865 ROJ589859:ROJ589865 RYF589859:RYF589865 SIB589859:SIB589865 SRX589859:SRX589865 TBT589859:TBT589865 TLP589859:TLP589865 TVL589859:TVL589865 UFH589859:UFH589865 UPD589859:UPD589865 UYZ589859:UYZ589865 VIV589859:VIV589865 VSR589859:VSR589865 WCN589859:WCN589865 WMJ589859:WMJ589865 WWF589859:WWF589865 AB655395:AB655401 JT655395:JT655401 TP655395:TP655401 ADL655395:ADL655401 ANH655395:ANH655401 AXD655395:AXD655401 BGZ655395:BGZ655401 BQV655395:BQV655401 CAR655395:CAR655401 CKN655395:CKN655401 CUJ655395:CUJ655401 DEF655395:DEF655401 DOB655395:DOB655401 DXX655395:DXX655401 EHT655395:EHT655401 ERP655395:ERP655401 FBL655395:FBL655401 FLH655395:FLH655401 FVD655395:FVD655401 GEZ655395:GEZ655401 GOV655395:GOV655401 GYR655395:GYR655401 HIN655395:HIN655401 HSJ655395:HSJ655401 ICF655395:ICF655401 IMB655395:IMB655401 IVX655395:IVX655401 JFT655395:JFT655401 JPP655395:JPP655401 JZL655395:JZL655401 KJH655395:KJH655401 KTD655395:KTD655401 LCZ655395:LCZ655401 LMV655395:LMV655401 LWR655395:LWR655401 MGN655395:MGN655401 MQJ655395:MQJ655401 NAF655395:NAF655401 NKB655395:NKB655401 NTX655395:NTX655401 ODT655395:ODT655401 ONP655395:ONP655401 OXL655395:OXL655401 PHH655395:PHH655401 PRD655395:PRD655401 QAZ655395:QAZ655401 QKV655395:QKV655401 QUR655395:QUR655401 REN655395:REN655401 ROJ655395:ROJ655401 RYF655395:RYF655401 SIB655395:SIB655401 SRX655395:SRX655401 TBT655395:TBT655401 TLP655395:TLP655401 TVL655395:TVL655401 UFH655395:UFH655401 UPD655395:UPD655401 UYZ655395:UYZ655401 VIV655395:VIV655401 VSR655395:VSR655401 WCN655395:WCN655401 WMJ655395:WMJ655401 WWF655395:WWF655401 AB720931:AB720937 JT720931:JT720937 TP720931:TP720937 ADL720931:ADL720937 ANH720931:ANH720937 AXD720931:AXD720937 BGZ720931:BGZ720937 BQV720931:BQV720937 CAR720931:CAR720937 CKN720931:CKN720937 CUJ720931:CUJ720937 DEF720931:DEF720937 DOB720931:DOB720937 DXX720931:DXX720937 EHT720931:EHT720937 ERP720931:ERP720937 FBL720931:FBL720937 FLH720931:FLH720937 FVD720931:FVD720937 GEZ720931:GEZ720937 GOV720931:GOV720937 GYR720931:GYR720937 HIN720931:HIN720937 HSJ720931:HSJ720937 ICF720931:ICF720937 IMB720931:IMB720937 IVX720931:IVX720937 JFT720931:JFT720937 JPP720931:JPP720937 JZL720931:JZL720937 KJH720931:KJH720937 KTD720931:KTD720937 LCZ720931:LCZ720937 LMV720931:LMV720937 LWR720931:LWR720937 MGN720931:MGN720937 MQJ720931:MQJ720937 NAF720931:NAF720937 NKB720931:NKB720937 NTX720931:NTX720937 ODT720931:ODT720937 ONP720931:ONP720937 OXL720931:OXL720937 PHH720931:PHH720937 PRD720931:PRD720937 QAZ720931:QAZ720937 QKV720931:QKV720937 QUR720931:QUR720937 REN720931:REN720937 ROJ720931:ROJ720937 RYF720931:RYF720937 SIB720931:SIB720937 SRX720931:SRX720937 TBT720931:TBT720937 TLP720931:TLP720937 TVL720931:TVL720937 UFH720931:UFH720937 UPD720931:UPD720937 UYZ720931:UYZ720937 VIV720931:VIV720937 VSR720931:VSR720937 WCN720931:WCN720937 WMJ720931:WMJ720937 WWF720931:WWF720937 AB786467:AB786473 JT786467:JT786473 TP786467:TP786473 ADL786467:ADL786473 ANH786467:ANH786473 AXD786467:AXD786473 BGZ786467:BGZ786473 BQV786467:BQV786473 CAR786467:CAR786473 CKN786467:CKN786473 CUJ786467:CUJ786473 DEF786467:DEF786473 DOB786467:DOB786473 DXX786467:DXX786473 EHT786467:EHT786473 ERP786467:ERP786473 FBL786467:FBL786473 FLH786467:FLH786473 FVD786467:FVD786473 GEZ786467:GEZ786473 GOV786467:GOV786473 GYR786467:GYR786473 HIN786467:HIN786473 HSJ786467:HSJ786473 ICF786467:ICF786473 IMB786467:IMB786473 IVX786467:IVX786473 JFT786467:JFT786473 JPP786467:JPP786473 JZL786467:JZL786473 KJH786467:KJH786473 KTD786467:KTD786473 LCZ786467:LCZ786473 LMV786467:LMV786473 LWR786467:LWR786473 MGN786467:MGN786473 MQJ786467:MQJ786473 NAF786467:NAF786473 NKB786467:NKB786473 NTX786467:NTX786473 ODT786467:ODT786473 ONP786467:ONP786473 OXL786467:OXL786473 PHH786467:PHH786473 PRD786467:PRD786473 QAZ786467:QAZ786473 QKV786467:QKV786473 QUR786467:QUR786473 REN786467:REN786473 ROJ786467:ROJ786473 RYF786467:RYF786473 SIB786467:SIB786473 SRX786467:SRX786473 TBT786467:TBT786473 TLP786467:TLP786473 TVL786467:TVL786473 UFH786467:UFH786473 UPD786467:UPD786473 UYZ786467:UYZ786473 VIV786467:VIV786473 VSR786467:VSR786473 WCN786467:WCN786473 WMJ786467:WMJ786473 WWF786467:WWF786473 AB852003:AB852009 JT852003:JT852009 TP852003:TP852009 ADL852003:ADL852009 ANH852003:ANH852009 AXD852003:AXD852009 BGZ852003:BGZ852009 BQV852003:BQV852009 CAR852003:CAR852009 CKN852003:CKN852009 CUJ852003:CUJ852009 DEF852003:DEF852009 DOB852003:DOB852009 DXX852003:DXX852009 EHT852003:EHT852009 ERP852003:ERP852009 FBL852003:FBL852009 FLH852003:FLH852009 FVD852003:FVD852009 GEZ852003:GEZ852009 GOV852003:GOV852009 GYR852003:GYR852009 HIN852003:HIN852009 HSJ852003:HSJ852009 ICF852003:ICF852009 IMB852003:IMB852009 IVX852003:IVX852009 JFT852003:JFT852009 JPP852003:JPP852009 JZL852003:JZL852009 KJH852003:KJH852009 KTD852003:KTD852009 LCZ852003:LCZ852009 LMV852003:LMV852009 LWR852003:LWR852009 MGN852003:MGN852009 MQJ852003:MQJ852009 NAF852003:NAF852009 NKB852003:NKB852009 NTX852003:NTX852009 ODT852003:ODT852009 ONP852003:ONP852009 OXL852003:OXL852009 PHH852003:PHH852009 PRD852003:PRD852009 QAZ852003:QAZ852009 QKV852003:QKV852009 QUR852003:QUR852009 REN852003:REN852009 ROJ852003:ROJ852009 RYF852003:RYF852009 SIB852003:SIB852009 SRX852003:SRX852009 TBT852003:TBT852009 TLP852003:TLP852009 TVL852003:TVL852009 UFH852003:UFH852009 UPD852003:UPD852009 UYZ852003:UYZ852009 VIV852003:VIV852009 VSR852003:VSR852009 WCN852003:WCN852009 WMJ852003:WMJ852009 WWF852003:WWF852009 AB917539:AB917545 JT917539:JT917545 TP917539:TP917545 ADL917539:ADL917545 ANH917539:ANH917545 AXD917539:AXD917545 BGZ917539:BGZ917545 BQV917539:BQV917545 CAR917539:CAR917545 CKN917539:CKN917545 CUJ917539:CUJ917545 DEF917539:DEF917545 DOB917539:DOB917545 DXX917539:DXX917545 EHT917539:EHT917545 ERP917539:ERP917545 FBL917539:FBL917545 FLH917539:FLH917545 FVD917539:FVD917545 GEZ917539:GEZ917545 GOV917539:GOV917545 GYR917539:GYR917545 HIN917539:HIN917545 HSJ917539:HSJ917545 ICF917539:ICF917545 IMB917539:IMB917545 IVX917539:IVX917545 JFT917539:JFT917545 JPP917539:JPP917545 JZL917539:JZL917545 KJH917539:KJH917545 KTD917539:KTD917545 LCZ917539:LCZ917545 LMV917539:LMV917545 LWR917539:LWR917545 MGN917539:MGN917545 MQJ917539:MQJ917545 NAF917539:NAF917545 NKB917539:NKB917545 NTX917539:NTX917545 ODT917539:ODT917545 ONP917539:ONP917545 OXL917539:OXL917545 PHH917539:PHH917545 PRD917539:PRD917545 QAZ917539:QAZ917545 QKV917539:QKV917545 QUR917539:QUR917545 REN917539:REN917545 ROJ917539:ROJ917545 RYF917539:RYF917545 SIB917539:SIB917545 SRX917539:SRX917545 TBT917539:TBT917545 TLP917539:TLP917545 TVL917539:TVL917545 UFH917539:UFH917545 UPD917539:UPD917545 UYZ917539:UYZ917545 VIV917539:VIV917545 VSR917539:VSR917545 WCN917539:WCN917545 WMJ917539:WMJ917545 WWF917539:WWF917545 AB983075:AB983081 JT983075:JT983081 TP983075:TP983081 ADL983075:ADL983081 ANH983075:ANH983081 AXD983075:AXD983081 BGZ983075:BGZ983081 BQV983075:BQV983081 CAR983075:CAR983081 CKN983075:CKN983081 CUJ983075:CUJ983081 DEF983075:DEF983081 DOB983075:DOB983081 DXX983075:DXX983081 EHT983075:EHT983081 ERP983075:ERP983081 FBL983075:FBL983081 FLH983075:FLH983081 FVD983075:FVD983081 GEZ983075:GEZ983081 GOV983075:GOV983081 GYR983075:GYR983081 HIN983075:HIN983081 HSJ983075:HSJ983081 ICF983075:ICF983081 IMB983075:IMB983081 IVX983075:IVX983081 JFT983075:JFT983081 JPP983075:JPP983081 JZL983075:JZL983081 KJH983075:KJH983081 KTD983075:KTD983081 LCZ983075:LCZ983081 LMV983075:LMV983081 LWR983075:LWR983081 MGN983075:MGN983081 MQJ983075:MQJ983081 NAF983075:NAF983081 NKB983075:NKB983081 NTX983075:NTX983081 ODT983075:ODT983081 ONP983075:ONP983081 OXL983075:OXL983081 PHH983075:PHH983081 PRD983075:PRD983081 QAZ983075:QAZ983081 QKV983075:QKV983081 QUR983075:QUR983081 REN983075:REN983081 ROJ983075:ROJ983081 RYF983075:RYF983081 SIB983075:SIB983081 SRX983075:SRX983081 TBT983075:TBT983081 TLP983075:TLP983081 TVL983075:TVL983081 UFH983075:UFH983081 UPD983075:UPD983081 UYZ983075:UYZ983081 VIV983075:VIV983081 VSR983075:VSR983081 WCN983075:WCN983081 WMJ983075:WMJ983081 WWF983075:WWF983081" xr:uid="{8D8D276B-22C7-43B0-B8EA-6E68D494A014}">
      <formula1>"□,■"</formula1>
    </dataValidation>
    <dataValidation type="list" allowBlank="1" showInputMessage="1" showErrorMessage="1" sqref="O39:P45 JG39:JH45 TC39:TD45 ACY39:ACZ45 AMU39:AMV45 AWQ39:AWR45 BGM39:BGN45 BQI39:BQJ45 CAE39:CAF45 CKA39:CKB45 CTW39:CTX45 DDS39:DDT45 DNO39:DNP45 DXK39:DXL45 EHG39:EHH45 ERC39:ERD45 FAY39:FAZ45 FKU39:FKV45 FUQ39:FUR45 GEM39:GEN45 GOI39:GOJ45 GYE39:GYF45 HIA39:HIB45 HRW39:HRX45 IBS39:IBT45 ILO39:ILP45 IVK39:IVL45 JFG39:JFH45 JPC39:JPD45 JYY39:JYZ45 KIU39:KIV45 KSQ39:KSR45 LCM39:LCN45 LMI39:LMJ45 LWE39:LWF45 MGA39:MGB45 MPW39:MPX45 MZS39:MZT45 NJO39:NJP45 NTK39:NTL45 ODG39:ODH45 ONC39:OND45 OWY39:OWZ45 PGU39:PGV45 PQQ39:PQR45 QAM39:QAN45 QKI39:QKJ45 QUE39:QUF45 REA39:REB45 RNW39:RNX45 RXS39:RXT45 SHO39:SHP45 SRK39:SRL45 TBG39:TBH45 TLC39:TLD45 TUY39:TUZ45 UEU39:UEV45 UOQ39:UOR45 UYM39:UYN45 VII39:VIJ45 VSE39:VSF45 WCA39:WCB45 WLW39:WLX45 WVS39:WVT45 O65571:P65577 JG65571:JH65577 TC65571:TD65577 ACY65571:ACZ65577 AMU65571:AMV65577 AWQ65571:AWR65577 BGM65571:BGN65577 BQI65571:BQJ65577 CAE65571:CAF65577 CKA65571:CKB65577 CTW65571:CTX65577 DDS65571:DDT65577 DNO65571:DNP65577 DXK65571:DXL65577 EHG65571:EHH65577 ERC65571:ERD65577 FAY65571:FAZ65577 FKU65571:FKV65577 FUQ65571:FUR65577 GEM65571:GEN65577 GOI65571:GOJ65577 GYE65571:GYF65577 HIA65571:HIB65577 HRW65571:HRX65577 IBS65571:IBT65577 ILO65571:ILP65577 IVK65571:IVL65577 JFG65571:JFH65577 JPC65571:JPD65577 JYY65571:JYZ65577 KIU65571:KIV65577 KSQ65571:KSR65577 LCM65571:LCN65577 LMI65571:LMJ65577 LWE65571:LWF65577 MGA65571:MGB65577 MPW65571:MPX65577 MZS65571:MZT65577 NJO65571:NJP65577 NTK65571:NTL65577 ODG65571:ODH65577 ONC65571:OND65577 OWY65571:OWZ65577 PGU65571:PGV65577 PQQ65571:PQR65577 QAM65571:QAN65577 QKI65571:QKJ65577 QUE65571:QUF65577 REA65571:REB65577 RNW65571:RNX65577 RXS65571:RXT65577 SHO65571:SHP65577 SRK65571:SRL65577 TBG65571:TBH65577 TLC65571:TLD65577 TUY65571:TUZ65577 UEU65571:UEV65577 UOQ65571:UOR65577 UYM65571:UYN65577 VII65571:VIJ65577 VSE65571:VSF65577 WCA65571:WCB65577 WLW65571:WLX65577 WVS65571:WVT65577 O131107:P131113 JG131107:JH131113 TC131107:TD131113 ACY131107:ACZ131113 AMU131107:AMV131113 AWQ131107:AWR131113 BGM131107:BGN131113 BQI131107:BQJ131113 CAE131107:CAF131113 CKA131107:CKB131113 CTW131107:CTX131113 DDS131107:DDT131113 DNO131107:DNP131113 DXK131107:DXL131113 EHG131107:EHH131113 ERC131107:ERD131113 FAY131107:FAZ131113 FKU131107:FKV131113 FUQ131107:FUR131113 GEM131107:GEN131113 GOI131107:GOJ131113 GYE131107:GYF131113 HIA131107:HIB131113 HRW131107:HRX131113 IBS131107:IBT131113 ILO131107:ILP131113 IVK131107:IVL131113 JFG131107:JFH131113 JPC131107:JPD131113 JYY131107:JYZ131113 KIU131107:KIV131113 KSQ131107:KSR131113 LCM131107:LCN131113 LMI131107:LMJ131113 LWE131107:LWF131113 MGA131107:MGB131113 MPW131107:MPX131113 MZS131107:MZT131113 NJO131107:NJP131113 NTK131107:NTL131113 ODG131107:ODH131113 ONC131107:OND131113 OWY131107:OWZ131113 PGU131107:PGV131113 PQQ131107:PQR131113 QAM131107:QAN131113 QKI131107:QKJ131113 QUE131107:QUF131113 REA131107:REB131113 RNW131107:RNX131113 RXS131107:RXT131113 SHO131107:SHP131113 SRK131107:SRL131113 TBG131107:TBH131113 TLC131107:TLD131113 TUY131107:TUZ131113 UEU131107:UEV131113 UOQ131107:UOR131113 UYM131107:UYN131113 VII131107:VIJ131113 VSE131107:VSF131113 WCA131107:WCB131113 WLW131107:WLX131113 WVS131107:WVT131113 O196643:P196649 JG196643:JH196649 TC196643:TD196649 ACY196643:ACZ196649 AMU196643:AMV196649 AWQ196643:AWR196649 BGM196643:BGN196649 BQI196643:BQJ196649 CAE196643:CAF196649 CKA196643:CKB196649 CTW196643:CTX196649 DDS196643:DDT196649 DNO196643:DNP196649 DXK196643:DXL196649 EHG196643:EHH196649 ERC196643:ERD196649 FAY196643:FAZ196649 FKU196643:FKV196649 FUQ196643:FUR196649 GEM196643:GEN196649 GOI196643:GOJ196649 GYE196643:GYF196649 HIA196643:HIB196649 HRW196643:HRX196649 IBS196643:IBT196649 ILO196643:ILP196649 IVK196643:IVL196649 JFG196643:JFH196649 JPC196643:JPD196649 JYY196643:JYZ196649 KIU196643:KIV196649 KSQ196643:KSR196649 LCM196643:LCN196649 LMI196643:LMJ196649 LWE196643:LWF196649 MGA196643:MGB196649 MPW196643:MPX196649 MZS196643:MZT196649 NJO196643:NJP196649 NTK196643:NTL196649 ODG196643:ODH196649 ONC196643:OND196649 OWY196643:OWZ196649 PGU196643:PGV196649 PQQ196643:PQR196649 QAM196643:QAN196649 QKI196643:QKJ196649 QUE196643:QUF196649 REA196643:REB196649 RNW196643:RNX196649 RXS196643:RXT196649 SHO196643:SHP196649 SRK196643:SRL196649 TBG196643:TBH196649 TLC196643:TLD196649 TUY196643:TUZ196649 UEU196643:UEV196649 UOQ196643:UOR196649 UYM196643:UYN196649 VII196643:VIJ196649 VSE196643:VSF196649 WCA196643:WCB196649 WLW196643:WLX196649 WVS196643:WVT196649 O262179:P262185 JG262179:JH262185 TC262179:TD262185 ACY262179:ACZ262185 AMU262179:AMV262185 AWQ262179:AWR262185 BGM262179:BGN262185 BQI262179:BQJ262185 CAE262179:CAF262185 CKA262179:CKB262185 CTW262179:CTX262185 DDS262179:DDT262185 DNO262179:DNP262185 DXK262179:DXL262185 EHG262179:EHH262185 ERC262179:ERD262185 FAY262179:FAZ262185 FKU262179:FKV262185 FUQ262179:FUR262185 GEM262179:GEN262185 GOI262179:GOJ262185 GYE262179:GYF262185 HIA262179:HIB262185 HRW262179:HRX262185 IBS262179:IBT262185 ILO262179:ILP262185 IVK262179:IVL262185 JFG262179:JFH262185 JPC262179:JPD262185 JYY262179:JYZ262185 KIU262179:KIV262185 KSQ262179:KSR262185 LCM262179:LCN262185 LMI262179:LMJ262185 LWE262179:LWF262185 MGA262179:MGB262185 MPW262179:MPX262185 MZS262179:MZT262185 NJO262179:NJP262185 NTK262179:NTL262185 ODG262179:ODH262185 ONC262179:OND262185 OWY262179:OWZ262185 PGU262179:PGV262185 PQQ262179:PQR262185 QAM262179:QAN262185 QKI262179:QKJ262185 QUE262179:QUF262185 REA262179:REB262185 RNW262179:RNX262185 RXS262179:RXT262185 SHO262179:SHP262185 SRK262179:SRL262185 TBG262179:TBH262185 TLC262179:TLD262185 TUY262179:TUZ262185 UEU262179:UEV262185 UOQ262179:UOR262185 UYM262179:UYN262185 VII262179:VIJ262185 VSE262179:VSF262185 WCA262179:WCB262185 WLW262179:WLX262185 WVS262179:WVT262185 O327715:P327721 JG327715:JH327721 TC327715:TD327721 ACY327715:ACZ327721 AMU327715:AMV327721 AWQ327715:AWR327721 BGM327715:BGN327721 BQI327715:BQJ327721 CAE327715:CAF327721 CKA327715:CKB327721 CTW327715:CTX327721 DDS327715:DDT327721 DNO327715:DNP327721 DXK327715:DXL327721 EHG327715:EHH327721 ERC327715:ERD327721 FAY327715:FAZ327721 FKU327715:FKV327721 FUQ327715:FUR327721 GEM327715:GEN327721 GOI327715:GOJ327721 GYE327715:GYF327721 HIA327715:HIB327721 HRW327715:HRX327721 IBS327715:IBT327721 ILO327715:ILP327721 IVK327715:IVL327721 JFG327715:JFH327721 JPC327715:JPD327721 JYY327715:JYZ327721 KIU327715:KIV327721 KSQ327715:KSR327721 LCM327715:LCN327721 LMI327715:LMJ327721 LWE327715:LWF327721 MGA327715:MGB327721 MPW327715:MPX327721 MZS327715:MZT327721 NJO327715:NJP327721 NTK327715:NTL327721 ODG327715:ODH327721 ONC327715:OND327721 OWY327715:OWZ327721 PGU327715:PGV327721 PQQ327715:PQR327721 QAM327715:QAN327721 QKI327715:QKJ327721 QUE327715:QUF327721 REA327715:REB327721 RNW327715:RNX327721 RXS327715:RXT327721 SHO327715:SHP327721 SRK327715:SRL327721 TBG327715:TBH327721 TLC327715:TLD327721 TUY327715:TUZ327721 UEU327715:UEV327721 UOQ327715:UOR327721 UYM327715:UYN327721 VII327715:VIJ327721 VSE327715:VSF327721 WCA327715:WCB327721 WLW327715:WLX327721 WVS327715:WVT327721 O393251:P393257 JG393251:JH393257 TC393251:TD393257 ACY393251:ACZ393257 AMU393251:AMV393257 AWQ393251:AWR393257 BGM393251:BGN393257 BQI393251:BQJ393257 CAE393251:CAF393257 CKA393251:CKB393257 CTW393251:CTX393257 DDS393251:DDT393257 DNO393251:DNP393257 DXK393251:DXL393257 EHG393251:EHH393257 ERC393251:ERD393257 FAY393251:FAZ393257 FKU393251:FKV393257 FUQ393251:FUR393257 GEM393251:GEN393257 GOI393251:GOJ393257 GYE393251:GYF393257 HIA393251:HIB393257 HRW393251:HRX393257 IBS393251:IBT393257 ILO393251:ILP393257 IVK393251:IVL393257 JFG393251:JFH393257 JPC393251:JPD393257 JYY393251:JYZ393257 KIU393251:KIV393257 KSQ393251:KSR393257 LCM393251:LCN393257 LMI393251:LMJ393257 LWE393251:LWF393257 MGA393251:MGB393257 MPW393251:MPX393257 MZS393251:MZT393257 NJO393251:NJP393257 NTK393251:NTL393257 ODG393251:ODH393257 ONC393251:OND393257 OWY393251:OWZ393257 PGU393251:PGV393257 PQQ393251:PQR393257 QAM393251:QAN393257 QKI393251:QKJ393257 QUE393251:QUF393257 REA393251:REB393257 RNW393251:RNX393257 RXS393251:RXT393257 SHO393251:SHP393257 SRK393251:SRL393257 TBG393251:TBH393257 TLC393251:TLD393257 TUY393251:TUZ393257 UEU393251:UEV393257 UOQ393251:UOR393257 UYM393251:UYN393257 VII393251:VIJ393257 VSE393251:VSF393257 WCA393251:WCB393257 WLW393251:WLX393257 WVS393251:WVT393257 O458787:P458793 JG458787:JH458793 TC458787:TD458793 ACY458787:ACZ458793 AMU458787:AMV458793 AWQ458787:AWR458793 BGM458787:BGN458793 BQI458787:BQJ458793 CAE458787:CAF458793 CKA458787:CKB458793 CTW458787:CTX458793 DDS458787:DDT458793 DNO458787:DNP458793 DXK458787:DXL458793 EHG458787:EHH458793 ERC458787:ERD458793 FAY458787:FAZ458793 FKU458787:FKV458793 FUQ458787:FUR458793 GEM458787:GEN458793 GOI458787:GOJ458793 GYE458787:GYF458793 HIA458787:HIB458793 HRW458787:HRX458793 IBS458787:IBT458793 ILO458787:ILP458793 IVK458787:IVL458793 JFG458787:JFH458793 JPC458787:JPD458793 JYY458787:JYZ458793 KIU458787:KIV458793 KSQ458787:KSR458793 LCM458787:LCN458793 LMI458787:LMJ458793 LWE458787:LWF458793 MGA458787:MGB458793 MPW458787:MPX458793 MZS458787:MZT458793 NJO458787:NJP458793 NTK458787:NTL458793 ODG458787:ODH458793 ONC458787:OND458793 OWY458787:OWZ458793 PGU458787:PGV458793 PQQ458787:PQR458793 QAM458787:QAN458793 QKI458787:QKJ458793 QUE458787:QUF458793 REA458787:REB458793 RNW458787:RNX458793 RXS458787:RXT458793 SHO458787:SHP458793 SRK458787:SRL458793 TBG458787:TBH458793 TLC458787:TLD458793 TUY458787:TUZ458793 UEU458787:UEV458793 UOQ458787:UOR458793 UYM458787:UYN458793 VII458787:VIJ458793 VSE458787:VSF458793 WCA458787:WCB458793 WLW458787:WLX458793 WVS458787:WVT458793 O524323:P524329 JG524323:JH524329 TC524323:TD524329 ACY524323:ACZ524329 AMU524323:AMV524329 AWQ524323:AWR524329 BGM524323:BGN524329 BQI524323:BQJ524329 CAE524323:CAF524329 CKA524323:CKB524329 CTW524323:CTX524329 DDS524323:DDT524329 DNO524323:DNP524329 DXK524323:DXL524329 EHG524323:EHH524329 ERC524323:ERD524329 FAY524323:FAZ524329 FKU524323:FKV524329 FUQ524323:FUR524329 GEM524323:GEN524329 GOI524323:GOJ524329 GYE524323:GYF524329 HIA524323:HIB524329 HRW524323:HRX524329 IBS524323:IBT524329 ILO524323:ILP524329 IVK524323:IVL524329 JFG524323:JFH524329 JPC524323:JPD524329 JYY524323:JYZ524329 KIU524323:KIV524329 KSQ524323:KSR524329 LCM524323:LCN524329 LMI524323:LMJ524329 LWE524323:LWF524329 MGA524323:MGB524329 MPW524323:MPX524329 MZS524323:MZT524329 NJO524323:NJP524329 NTK524323:NTL524329 ODG524323:ODH524329 ONC524323:OND524329 OWY524323:OWZ524329 PGU524323:PGV524329 PQQ524323:PQR524329 QAM524323:QAN524329 QKI524323:QKJ524329 QUE524323:QUF524329 REA524323:REB524329 RNW524323:RNX524329 RXS524323:RXT524329 SHO524323:SHP524329 SRK524323:SRL524329 TBG524323:TBH524329 TLC524323:TLD524329 TUY524323:TUZ524329 UEU524323:UEV524329 UOQ524323:UOR524329 UYM524323:UYN524329 VII524323:VIJ524329 VSE524323:VSF524329 WCA524323:WCB524329 WLW524323:WLX524329 WVS524323:WVT524329 O589859:P589865 JG589859:JH589865 TC589859:TD589865 ACY589859:ACZ589865 AMU589859:AMV589865 AWQ589859:AWR589865 BGM589859:BGN589865 BQI589859:BQJ589865 CAE589859:CAF589865 CKA589859:CKB589865 CTW589859:CTX589865 DDS589859:DDT589865 DNO589859:DNP589865 DXK589859:DXL589865 EHG589859:EHH589865 ERC589859:ERD589865 FAY589859:FAZ589865 FKU589859:FKV589865 FUQ589859:FUR589865 GEM589859:GEN589865 GOI589859:GOJ589865 GYE589859:GYF589865 HIA589859:HIB589865 HRW589859:HRX589865 IBS589859:IBT589865 ILO589859:ILP589865 IVK589859:IVL589865 JFG589859:JFH589865 JPC589859:JPD589865 JYY589859:JYZ589865 KIU589859:KIV589865 KSQ589859:KSR589865 LCM589859:LCN589865 LMI589859:LMJ589865 LWE589859:LWF589865 MGA589859:MGB589865 MPW589859:MPX589865 MZS589859:MZT589865 NJO589859:NJP589865 NTK589859:NTL589865 ODG589859:ODH589865 ONC589859:OND589865 OWY589859:OWZ589865 PGU589859:PGV589865 PQQ589859:PQR589865 QAM589859:QAN589865 QKI589859:QKJ589865 QUE589859:QUF589865 REA589859:REB589865 RNW589859:RNX589865 RXS589859:RXT589865 SHO589859:SHP589865 SRK589859:SRL589865 TBG589859:TBH589865 TLC589859:TLD589865 TUY589859:TUZ589865 UEU589859:UEV589865 UOQ589859:UOR589865 UYM589859:UYN589865 VII589859:VIJ589865 VSE589859:VSF589865 WCA589859:WCB589865 WLW589859:WLX589865 WVS589859:WVT589865 O655395:P655401 JG655395:JH655401 TC655395:TD655401 ACY655395:ACZ655401 AMU655395:AMV655401 AWQ655395:AWR655401 BGM655395:BGN655401 BQI655395:BQJ655401 CAE655395:CAF655401 CKA655395:CKB655401 CTW655395:CTX655401 DDS655395:DDT655401 DNO655395:DNP655401 DXK655395:DXL655401 EHG655395:EHH655401 ERC655395:ERD655401 FAY655395:FAZ655401 FKU655395:FKV655401 FUQ655395:FUR655401 GEM655395:GEN655401 GOI655395:GOJ655401 GYE655395:GYF655401 HIA655395:HIB655401 HRW655395:HRX655401 IBS655395:IBT655401 ILO655395:ILP655401 IVK655395:IVL655401 JFG655395:JFH655401 JPC655395:JPD655401 JYY655395:JYZ655401 KIU655395:KIV655401 KSQ655395:KSR655401 LCM655395:LCN655401 LMI655395:LMJ655401 LWE655395:LWF655401 MGA655395:MGB655401 MPW655395:MPX655401 MZS655395:MZT655401 NJO655395:NJP655401 NTK655395:NTL655401 ODG655395:ODH655401 ONC655395:OND655401 OWY655395:OWZ655401 PGU655395:PGV655401 PQQ655395:PQR655401 QAM655395:QAN655401 QKI655395:QKJ655401 QUE655395:QUF655401 REA655395:REB655401 RNW655395:RNX655401 RXS655395:RXT655401 SHO655395:SHP655401 SRK655395:SRL655401 TBG655395:TBH655401 TLC655395:TLD655401 TUY655395:TUZ655401 UEU655395:UEV655401 UOQ655395:UOR655401 UYM655395:UYN655401 VII655395:VIJ655401 VSE655395:VSF655401 WCA655395:WCB655401 WLW655395:WLX655401 WVS655395:WVT655401 O720931:P720937 JG720931:JH720937 TC720931:TD720937 ACY720931:ACZ720937 AMU720931:AMV720937 AWQ720931:AWR720937 BGM720931:BGN720937 BQI720931:BQJ720937 CAE720931:CAF720937 CKA720931:CKB720937 CTW720931:CTX720937 DDS720931:DDT720937 DNO720931:DNP720937 DXK720931:DXL720937 EHG720931:EHH720937 ERC720931:ERD720937 FAY720931:FAZ720937 FKU720931:FKV720937 FUQ720931:FUR720937 GEM720931:GEN720937 GOI720931:GOJ720937 GYE720931:GYF720937 HIA720931:HIB720937 HRW720931:HRX720937 IBS720931:IBT720937 ILO720931:ILP720937 IVK720931:IVL720937 JFG720931:JFH720937 JPC720931:JPD720937 JYY720931:JYZ720937 KIU720931:KIV720937 KSQ720931:KSR720937 LCM720931:LCN720937 LMI720931:LMJ720937 LWE720931:LWF720937 MGA720931:MGB720937 MPW720931:MPX720937 MZS720931:MZT720937 NJO720931:NJP720937 NTK720931:NTL720937 ODG720931:ODH720937 ONC720931:OND720937 OWY720931:OWZ720937 PGU720931:PGV720937 PQQ720931:PQR720937 QAM720931:QAN720937 QKI720931:QKJ720937 QUE720931:QUF720937 REA720931:REB720937 RNW720931:RNX720937 RXS720931:RXT720937 SHO720931:SHP720937 SRK720931:SRL720937 TBG720931:TBH720937 TLC720931:TLD720937 TUY720931:TUZ720937 UEU720931:UEV720937 UOQ720931:UOR720937 UYM720931:UYN720937 VII720931:VIJ720937 VSE720931:VSF720937 WCA720931:WCB720937 WLW720931:WLX720937 WVS720931:WVT720937 O786467:P786473 JG786467:JH786473 TC786467:TD786473 ACY786467:ACZ786473 AMU786467:AMV786473 AWQ786467:AWR786473 BGM786467:BGN786473 BQI786467:BQJ786473 CAE786467:CAF786473 CKA786467:CKB786473 CTW786467:CTX786473 DDS786467:DDT786473 DNO786467:DNP786473 DXK786467:DXL786473 EHG786467:EHH786473 ERC786467:ERD786473 FAY786467:FAZ786473 FKU786467:FKV786473 FUQ786467:FUR786473 GEM786467:GEN786473 GOI786467:GOJ786473 GYE786467:GYF786473 HIA786467:HIB786473 HRW786467:HRX786473 IBS786467:IBT786473 ILO786467:ILP786473 IVK786467:IVL786473 JFG786467:JFH786473 JPC786467:JPD786473 JYY786467:JYZ786473 KIU786467:KIV786473 KSQ786467:KSR786473 LCM786467:LCN786473 LMI786467:LMJ786473 LWE786467:LWF786473 MGA786467:MGB786473 MPW786467:MPX786473 MZS786467:MZT786473 NJO786467:NJP786473 NTK786467:NTL786473 ODG786467:ODH786473 ONC786467:OND786473 OWY786467:OWZ786473 PGU786467:PGV786473 PQQ786467:PQR786473 QAM786467:QAN786473 QKI786467:QKJ786473 QUE786467:QUF786473 REA786467:REB786473 RNW786467:RNX786473 RXS786467:RXT786473 SHO786467:SHP786473 SRK786467:SRL786473 TBG786467:TBH786473 TLC786467:TLD786473 TUY786467:TUZ786473 UEU786467:UEV786473 UOQ786467:UOR786473 UYM786467:UYN786473 VII786467:VIJ786473 VSE786467:VSF786473 WCA786467:WCB786473 WLW786467:WLX786473 WVS786467:WVT786473 O852003:P852009 JG852003:JH852009 TC852003:TD852009 ACY852003:ACZ852009 AMU852003:AMV852009 AWQ852003:AWR852009 BGM852003:BGN852009 BQI852003:BQJ852009 CAE852003:CAF852009 CKA852003:CKB852009 CTW852003:CTX852009 DDS852003:DDT852009 DNO852003:DNP852009 DXK852003:DXL852009 EHG852003:EHH852009 ERC852003:ERD852009 FAY852003:FAZ852009 FKU852003:FKV852009 FUQ852003:FUR852009 GEM852003:GEN852009 GOI852003:GOJ852009 GYE852003:GYF852009 HIA852003:HIB852009 HRW852003:HRX852009 IBS852003:IBT852009 ILO852003:ILP852009 IVK852003:IVL852009 JFG852003:JFH852009 JPC852003:JPD852009 JYY852003:JYZ852009 KIU852003:KIV852009 KSQ852003:KSR852009 LCM852003:LCN852009 LMI852003:LMJ852009 LWE852003:LWF852009 MGA852003:MGB852009 MPW852003:MPX852009 MZS852003:MZT852009 NJO852003:NJP852009 NTK852003:NTL852009 ODG852003:ODH852009 ONC852003:OND852009 OWY852003:OWZ852009 PGU852003:PGV852009 PQQ852003:PQR852009 QAM852003:QAN852009 QKI852003:QKJ852009 QUE852003:QUF852009 REA852003:REB852009 RNW852003:RNX852009 RXS852003:RXT852009 SHO852003:SHP852009 SRK852003:SRL852009 TBG852003:TBH852009 TLC852003:TLD852009 TUY852003:TUZ852009 UEU852003:UEV852009 UOQ852003:UOR852009 UYM852003:UYN852009 VII852003:VIJ852009 VSE852003:VSF852009 WCA852003:WCB852009 WLW852003:WLX852009 WVS852003:WVT852009 O917539:P917545 JG917539:JH917545 TC917539:TD917545 ACY917539:ACZ917545 AMU917539:AMV917545 AWQ917539:AWR917545 BGM917539:BGN917545 BQI917539:BQJ917545 CAE917539:CAF917545 CKA917539:CKB917545 CTW917539:CTX917545 DDS917539:DDT917545 DNO917539:DNP917545 DXK917539:DXL917545 EHG917539:EHH917545 ERC917539:ERD917545 FAY917539:FAZ917545 FKU917539:FKV917545 FUQ917539:FUR917545 GEM917539:GEN917545 GOI917539:GOJ917545 GYE917539:GYF917545 HIA917539:HIB917545 HRW917539:HRX917545 IBS917539:IBT917545 ILO917539:ILP917545 IVK917539:IVL917545 JFG917539:JFH917545 JPC917539:JPD917545 JYY917539:JYZ917545 KIU917539:KIV917545 KSQ917539:KSR917545 LCM917539:LCN917545 LMI917539:LMJ917545 LWE917539:LWF917545 MGA917539:MGB917545 MPW917539:MPX917545 MZS917539:MZT917545 NJO917539:NJP917545 NTK917539:NTL917545 ODG917539:ODH917545 ONC917539:OND917545 OWY917539:OWZ917545 PGU917539:PGV917545 PQQ917539:PQR917545 QAM917539:QAN917545 QKI917539:QKJ917545 QUE917539:QUF917545 REA917539:REB917545 RNW917539:RNX917545 RXS917539:RXT917545 SHO917539:SHP917545 SRK917539:SRL917545 TBG917539:TBH917545 TLC917539:TLD917545 TUY917539:TUZ917545 UEU917539:UEV917545 UOQ917539:UOR917545 UYM917539:UYN917545 VII917539:VIJ917545 VSE917539:VSF917545 WCA917539:WCB917545 WLW917539:WLX917545 WVS917539:WVT917545 O983075:P983081 JG983075:JH983081 TC983075:TD983081 ACY983075:ACZ983081 AMU983075:AMV983081 AWQ983075:AWR983081 BGM983075:BGN983081 BQI983075:BQJ983081 CAE983075:CAF983081 CKA983075:CKB983081 CTW983075:CTX983081 DDS983075:DDT983081 DNO983075:DNP983081 DXK983075:DXL983081 EHG983075:EHH983081 ERC983075:ERD983081 FAY983075:FAZ983081 FKU983075:FKV983081 FUQ983075:FUR983081 GEM983075:GEN983081 GOI983075:GOJ983081 GYE983075:GYF983081 HIA983075:HIB983081 HRW983075:HRX983081 IBS983075:IBT983081 ILO983075:ILP983081 IVK983075:IVL983081 JFG983075:JFH983081 JPC983075:JPD983081 JYY983075:JYZ983081 KIU983075:KIV983081 KSQ983075:KSR983081 LCM983075:LCN983081 LMI983075:LMJ983081 LWE983075:LWF983081 MGA983075:MGB983081 MPW983075:MPX983081 MZS983075:MZT983081 NJO983075:NJP983081 NTK983075:NTL983081 ODG983075:ODH983081 ONC983075:OND983081 OWY983075:OWZ983081 PGU983075:PGV983081 PQQ983075:PQR983081 QAM983075:QAN983081 QKI983075:QKJ983081 QUE983075:QUF983081 REA983075:REB983081 RNW983075:RNX983081 RXS983075:RXT983081 SHO983075:SHP983081 SRK983075:SRL983081 TBG983075:TBH983081 TLC983075:TLD983081 TUY983075:TUZ983081 UEU983075:UEV983081 UOQ983075:UOR983081 UYM983075:UYN983081 VII983075:VIJ983081 VSE983075:VSF983081 WCA983075:WCB983081 WLW983075:WLX983081 WVS983075:WVT983081" xr:uid="{30ADC9A7-1D2B-43BC-BFE7-8034A338FCD7}">
      <formula1>"○"</formula1>
    </dataValidation>
  </dataValidations>
  <printOptions horizontalCentered="1"/>
  <pageMargins left="0.70866141732283472" right="0.39370078740157483" top="0.51181102362204722" bottom="0.35433070866141736" header="0.31496062992125984" footer="0.31496062992125984"/>
  <pageSetup paperSize="9" scale="7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50</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5586 西川雅子</dc:creator>
  <cp:lastModifiedBy>s005586 西川雅子</cp:lastModifiedBy>
  <cp:lastPrinted>2026-03-30T06:25:43Z</cp:lastPrinted>
  <dcterms:created xsi:type="dcterms:W3CDTF">2026-03-30T06:15:54Z</dcterms:created>
  <dcterms:modified xsi:type="dcterms:W3CDTF">2026-03-30T06:26:14Z</dcterms:modified>
</cp:coreProperties>
</file>